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dp" ContentType="image/vnd.ms-photo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17"/>
  </p:notesMasterIdLst>
  <p:sldIdLst>
    <p:sldId id="256" r:id="rId8"/>
    <p:sldId id="292" r:id="rId9"/>
    <p:sldId id="293" r:id="rId10"/>
    <p:sldId id="294" r:id="rId11"/>
    <p:sldId id="280" r:id="rId12"/>
    <p:sldId id="282" r:id="rId13"/>
    <p:sldId id="283" r:id="rId14"/>
    <p:sldId id="295" r:id="rId15"/>
    <p:sldId id="296" r:id="rId16"/>
  </p:sldIdLst>
  <p:sldSz cx="12192000" cy="6858000"/>
  <p:notesSz cx="6797675" cy="9926638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9CE8"/>
    <a:srgbClr val="B3B3B3"/>
    <a:srgbClr val="565656"/>
    <a:srgbClr val="1F4A6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995" autoAdjust="0"/>
    <p:restoredTop sz="94660"/>
  </p:normalViewPr>
  <p:slideViewPr>
    <p:cSldViewPr showGuides="1">
      <p:cViewPr varScale="1">
        <p:scale>
          <a:sx n="63" d="100"/>
          <a:sy n="63" d="100"/>
        </p:scale>
        <p:origin x="804" y="4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10" Type="http://schemas.openxmlformats.org/officeDocument/2006/relationships/slide" Target="slides/slide3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26-08-2020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422275" y="1241425"/>
            <a:ext cx="5953125" cy="3349625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502154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Den samarbejdsstruktur, der skal sikre, at der arbejdes på alle niveauer med sundhedsaftalen ser sådan her ud. </a:t>
            </a:r>
          </a:p>
          <a:p>
            <a:endParaRPr lang="da-DK" dirty="0"/>
          </a:p>
          <a:p>
            <a:r>
              <a:rPr lang="da-DK" dirty="0"/>
              <a:t>Sundhedskoordinationsudvalget er det øverste, politiske organ. Der sidder regions og kommunalpolitikere samt repræsentanter fra PLO-Hovedstaden</a:t>
            </a:r>
          </a:p>
          <a:p>
            <a:endParaRPr lang="da-DK" dirty="0"/>
          </a:p>
          <a:p>
            <a:r>
              <a:rPr lang="da-DK" dirty="0"/>
              <a:t>Temagrupper til drøftelser af fokusområder/særlige emner nedsættes ad hoc</a:t>
            </a:r>
          </a:p>
          <a:p>
            <a:endParaRPr lang="da-DK" dirty="0"/>
          </a:p>
          <a:p>
            <a:r>
              <a:rPr lang="da-DK" dirty="0"/>
              <a:t>TSS er en forkortelse af Tværsektoriel Strategisk Styregruppe – og er det, der tidligere hed DAS (Den Administrative Styregruppe). TSS er således det administrative niveau, der understøtter arbejdet i Sundhedskoordinationsudvalget og samtidig er bindeleddet til samordningsudvalgene. </a:t>
            </a:r>
          </a:p>
          <a:p>
            <a:endParaRPr lang="da-DK" dirty="0"/>
          </a:p>
          <a:p>
            <a:r>
              <a:rPr lang="da-DK" dirty="0"/>
              <a:t>Den underliggende samordningsudvalgsstruktur på det psykiatriske område er omlagt således at der nu er et overordnet repræsentativt, mere strategisk og tværgående samordningsudvalg, der dækker alle kommuner og psykiatriske centre i Region Hovedstaden – og det dækker også både voksenområdet og børne- og ungeområdet. </a:t>
            </a:r>
          </a:p>
          <a:p>
            <a:endParaRPr lang="da-DK" dirty="0"/>
          </a:p>
          <a:p>
            <a:r>
              <a:rPr lang="da-DK" dirty="0"/>
              <a:t>Der er desuden etableret fire lokale samordningsudvalg – ét i hvert planområde. Det er centerchefen i det største center i planområdet, der varetager det regionale formandskab sammen med en kommune i planområdet. </a:t>
            </a:r>
          </a:p>
          <a:p>
            <a:endParaRPr lang="da-DK" dirty="0"/>
          </a:p>
          <a:p>
            <a:r>
              <a:rPr lang="da-DK" dirty="0"/>
              <a:t>Som noget nyt er der etableret fire nye samordningsudvalg på børne- og ungeområdet.  Tidligere var der 3 BUP-K kæder, der var centreret om de tre matrikler, der husede børne- og ungdomspsykiatriske funktioner. Det er også nyt, at der etableres selvstændige børne- og ungeudvalg. </a:t>
            </a:r>
          </a:p>
          <a:p>
            <a:endParaRPr lang="da-DK" dirty="0"/>
          </a:p>
          <a:p>
            <a:r>
              <a:rPr lang="da-DK" dirty="0"/>
              <a:t>Det giver mulighed for at sætte særligt </a:t>
            </a:r>
            <a:r>
              <a:rPr lang="da-DK" dirty="0" err="1"/>
              <a:t>fokud</a:t>
            </a:r>
            <a:r>
              <a:rPr lang="da-DK" dirty="0"/>
              <a:t> på hhv. voksenproblemstillinger og børne- og ungeproblemstillinger på møderne i de nye samordningsudvalg – ligesom der vil kunne arbejdes på tværs med fælles problemstillinger, fx overgang fra barn til voksen i de enkelte planområder ved at holde fælles møder på tværs af voksen/børn og unge i de enkelte planområder, da kommunerne i disse udvalg er sammenfaldende.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47879028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da-DK" smtClean="0"/>
              <a:pPr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955239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003764655" name="image" descr="{&quot;templafy&quot;:{&quot;id&quot;:&quot;3c863155-9044-42ad-99b3-9a169c498e9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75474089" name="image" descr="{&quot;templafy&quot;:{&quot;id&quot;:&quot;3c4a4b09-8c44-4010-8915-299448ce905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62ea5493-6433-4471-bbb8-2eab9ed31ad6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4a1c8386-8cb7-454c-ab8e-83eb0feb3fa4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531867286" name="image" descr="{&quot;templafy&quot;:{&quot;id&quot;:&quot;aee47224-4ae6-4272-bc18-9591dcf7d04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627615590" name="image" descr="{&quot;templafy&quot;:{&quot;id&quot;:&quot;3040615b-74ab-44e4-93ba-9b862853faf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400165990" name="image" descr="{&quot;templafy&quot;:{&quot;id&quot;:&quot;7f7d76cc-e760-4555-a1ed-f77d077d663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6382a427-fcc6-48c1-952d-4db56bee8a66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29" name="text" descr="{&quot;templafy&quot;:{&quot;id&quot;:&quot;16e45e38-4835-4ac6-82bb-040a4bc36e04&quot;}}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de368be9-c26f-4399-ad7a-1ef30295df2e&quot;}}" hidden="1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14776f2b-97d1-4d45-ba9d-2cfc88ca565c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105721600" name="image" descr="{&quot;templafy&quot;:{&quot;id&quot;:&quot;0b3cb158-652e-4e4c-ad6c-7cb43956f37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130638323" name="image" descr="{&quot;templafy&quot;:{&quot;id&quot;:&quot;b5b2478b-cf4f-4b1a-991c-0996755f502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790398031" name="image" descr="{&quot;templafy&quot;:{&quot;id&quot;:&quot;df5efe32-3986-4c3c-815a-d6c4af9ddee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5ab7b2c9-6e3d-429e-b18c-3bad8e497307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0" name="text" descr="{&quot;templafy&quot;:{&quot;id&quot;:&quot;c3038899-db0b-48c1-bac2-1a472c34d503&quot;}}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b13466aa-9fec-459f-843e-cb777633171e&quot;}}" hidden="1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68cacbc2-8c0c-4783-8455-9898b2c14cc0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92706564" name="image" descr="{&quot;templafy&quot;:{&quot;id&quot;:&quot;06afc244-dac1-447c-a4a9-43cc132033e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867456950" name="image" descr="{&quot;templafy&quot;:{&quot;id&quot;:&quot;1f99cd2b-89db-481b-b7e2-0797fdd1d65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953612339" name="image" descr="{&quot;templafy&quot;:{&quot;id&quot;:&quot;1ca82c19-5ff8-4405-8d75-ec3cdd53dc0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655892278" name="image" descr="{&quot;templafy&quot;:{&quot;id&quot;:&quot;0727dbe0-f1f0-4fdf-837c-f94c8fc833c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109741495" name="image" descr="{&quot;templafy&quot;:{&quot;id&quot;:&quot;cb21eeb7-766e-4571-82c7-1c5469edfed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4e5f5c7e-afe7-4465-9b6c-56cda6b9a9c7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c5709bcb-2425-4019-bd28-22e16604cb2c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308753932" name="image" descr="{&quot;templafy&quot;:{&quot;id&quot;:&quot;786f2316-7fea-48ce-8266-b9b13799452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6e073914-28f8-43a7-853d-91af803b4577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5" name="text" descr="{&quot;templafy&quot;:{&quot;id&quot;:&quot;b81f9601-539f-4b6d-a3ef-889f9e30f04e&quot;}}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6" name="text" descr="{&quot;templafy&quot;:{&quot;id&quot;:&quot;a1b6815c-d0f4-4cdb-a22b-9405b0abdca6&quot;}}" hidden="1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8" name="text" descr="{&quot;templafy&quot;:{&quot;id&quot;:&quot;d69a6751-9db1-4618-91a7-af000f09ebed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957916355" name="image" descr="{&quot;templafy&quot;:{&quot;id&quot;:&quot;578f43ce-c820-4f54-9011-7a44dfbde61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75112534" name="image" descr="{&quot;templafy&quot;:{&quot;id&quot;:&quot;ecf0700d-9f20-4556-ad0d-42e1f27ee34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5745257" name="image" descr="{&quot;templafy&quot;:{&quot;id&quot;:&quot;460d8b13-50cd-4c8d-82f1-a236c4a9ddc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486196197" name="image" descr="{&quot;templafy&quot;:{&quot;id&quot;:&quot;650877b2-16b4-45b9-93af-2bd0485f5e5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15778640" name="image" descr="{&quot;templafy&quot;:{&quot;id&quot;:&quot;7b77ca04-e4c3-4b36-9397-c1ab15b6023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0" name="text" descr="{&quot;templafy&quot;:{&quot;id&quot;:&quot;42717c21-a112-4fac-863c-21001996776c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1" name="text" descr="{&quot;templafy&quot;:{&quot;id&quot;:&quot;7d290efb-842c-4471-8294-40174e752edc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976929804" name="image" descr="{&quot;templafy&quot;:{&quot;id&quot;:&quot;4d118657-d3fd-4207-8cc1-8e6a6626fd9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533023242" name="image" descr="{&quot;templafy&quot;:{&quot;id&quot;:&quot;f20b00d5-b6a6-4050-b514-69e6d42cf6b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90f178fe-3ff6-43a6-a653-1b5eba064769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egion Hovedstadens Psykiatri</a:t>
            </a:r>
          </a:p>
        </p:txBody>
      </p:sp>
      <p:sp>
        <p:nvSpPr>
          <p:cNvPr id="17" name="text" descr="{&quot;templafy&quot;:{&quot;id&quot;:&quot;ad9248e4-d403-41ca-8a1c-0e62b0d83af4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c06ab79f-323e-43c4-92fb-4e99a59257b3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110bb88c-73a7-40ab-ad51-04fa91661618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943235910" name="image" descr="{&quot;templafy&quot;:{&quot;id&quot;:&quot;3c317873-605e-4a87-9c2e-b5a82b0645e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103247136" name="image" descr="{&quot;templafy&quot;:{&quot;id&quot;:&quot;b7aefb93-bea1-4edf-a0cd-1791b800941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ccf7cc5f-d385-4a09-9b83-848a818f5b84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930bc0c8-c2ce-4868-958f-275b6c960e0e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218636216" name="image" descr="{&quot;templafy&quot;:{&quot;id&quot;:&quot;723d41ae-b566-4b60-870e-956ec217143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926974390" name="image" descr="{&quot;templafy&quot;:{&quot;id&quot;:&quot;84a0a782-3702-4181-b329-2e3dd5b7592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8108"/>
            <a:ext cx="116417" cy="594784"/>
          </a:xfrm>
          <a:prstGeom prst="rect">
            <a:avLst/>
          </a:prstGeom>
        </p:spPr>
      </p:pic>
      <p:pic>
        <p:nvPicPr>
          <p:cNvPr id="63939454" name="image" descr="{&quot;templafy&quot;:{&quot;id&quot;:&quot;8319257b-3fee-4d11-9223-31ee6d08b54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bb06b377-4b94-4632-b99b-2767ac903c79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s Psykiatri</a:t>
            </a:r>
          </a:p>
        </p:txBody>
      </p:sp>
      <p:sp>
        <p:nvSpPr>
          <p:cNvPr id="17" name="text" descr="{&quot;templafy&quot;:{&quot;id&quot;:&quot;90f34e01-0856-4eea-86e8-961f054a02ed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2b1b12ea-8b3d-4990-bee0-ab8891861263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968f91d9-5628-45f0-a66d-5eabbfae892e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2110984672" name="image" descr="{&quot;templafy&quot;:{&quot;id&quot;:&quot;52d423b5-8186-4d91-aacd-62189ca6fea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00466240" name="image" descr="{&quot;templafy&quot;:{&quot;id&quot;:&quot;97b48ee1-5168-4f72-9616-edab769722f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35b3c00d-9a7b-4826-9eb9-337f707fa6a9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1f9bfd43-acf8-4160-ab8c-12571124a94b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401885481" name="image" descr="{&quot;templafy&quot;:{&quot;id&quot;:&quot;f71e2ca9-9d32-41f0-841d-3bbc6b17053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409288605" name="image" descr="{&quot;templafy&quot;:{&quot;id&quot;:&quot;5fc98709-f705-4764-9c80-9cb5aec846b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987387486" name="image" descr="{&quot;templafy&quot;:{&quot;id&quot;:&quot;1e18b1a3-9838-44c6-b891-c90596c7a9f1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053953449" name="image" descr="{&quot;templafy&quot;:{&quot;id&quot;:&quot;4c29b08a-e6b8-4a83-aaeb-c8362431e9c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697707780" name="image" descr="{&quot;templafy&quot;:{&quot;id&quot;:&quot;d940bb29-f6df-4c6d-86f5-062977e4214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345948983" name="image" descr="{&quot;templafy&quot;:{&quot;id&quot;:&quot;b04051be-7d9d-4d5f-a5e5-f64fc44f916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1273bac6-561e-4d9c-8b53-79d5fe2fd9ce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2" name="text" descr="{&quot;templafy&quot;:{&quot;id&quot;:&quot;b9fae680-16a3-4c01-a406-76016d4b20d1&quot;}}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fb8fb32d-318f-425d-96d1-b83f9ba706ca&quot;}}" hidden="1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6309f349-40da-4d3b-8631-5a8a23075cc8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2112544136" name="image" descr="{&quot;templafy&quot;:{&quot;id&quot;:&quot;d8a27e3f-6fa7-4bd3-866f-6bd9468f6d1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773457559" name="image" descr="{&quot;templafy&quot;:{&quot;id&quot;:&quot;25daf98f-74d0-4791-9521-7175bc1e346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392632992" name="image" descr="{&quot;templafy&quot;:{&quot;id&quot;:&quot;fc6ee869-94cb-43e5-beb7-50806c67379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7" name="text" descr="{&quot;templafy&quot;:{&quot;id&quot;:&quot;19b835f6-6fba-48e3-8c2f-4009e0a511fb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8" name="text" descr="{&quot;templafy&quot;:{&quot;id&quot;:&quot;595f8e85-b482-4de0-aa21-82a0c5dd8706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457286338" name="image" descr="{&quot;templafy&quot;:{&quot;id&quot;:&quot;0691f2bb-8f86-473f-bcc5-184c1dc8145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712808401" name="image" descr="{&quot;templafy&quot;:{&quot;id&quot;:&quot;a04689b6-ec6c-4b16-b803-5fe37c9574a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1834372765" name="image" descr="{&quot;templafy&quot;:{&quot;id&quot;:&quot;7908770a-318b-42d1-bbed-81f7ade8f85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419132916" name="image" descr="{&quot;templafy&quot;:{&quot;id&quot;:&quot;70c59d6d-ad95-43ee-9928-9f6c490948f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02884c2d-0974-49a7-a90e-42f47eb772f0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s Psykiatri</a:t>
            </a:r>
          </a:p>
        </p:txBody>
      </p:sp>
      <p:sp>
        <p:nvSpPr>
          <p:cNvPr id="27" name="text" descr="{&quot;templafy&quot;:{&quot;id&quot;:&quot;b734f0dc-f33e-4c51-86c9-d36fc19c80c8&quot;}}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8" name="text" descr="{&quot;templafy&quot;:{&quot;id&quot;:&quot;7c6272dd-4abf-4f44-bb46-14369c8804cf&quot;}}" hidden="1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6" name="text" descr="{&quot;templafy&quot;:{&quot;id&quot;:&quot;3a29f782-b6ff-42d0-9e07-1f01aaad0d95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132273304" name="image" descr="{&quot;templafy&quot;:{&quot;id&quot;:&quot;ee11dcd9-d833-4d48-bb4d-aa0a8862103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15884043" name="image" descr="{&quot;templafy&quot;:{&quot;id&quot;:&quot;975b5f5f-dd3a-4702-9478-13bcc87c3c2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7f000b03-3923-4cfb-9941-85efc98c760c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30" name="text" descr="{&quot;templafy&quot;:{&quot;id&quot;:&quot;81758c90-f209-4164-a10c-56b0b738fea9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02905693" name="image" descr="{&quot;templafy&quot;:{&quot;id&quot;:&quot;d93ff0a9-073f-46ff-8312-3abfbd928bc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UK_Rapport: To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2670675-C315-4700-B9B7-A5AB773CA2B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998" y="894268"/>
            <a:ext cx="5194800" cy="850742"/>
          </a:xfrm>
        </p:spPr>
        <p:txBody>
          <a:bodyPr/>
          <a:lstStyle>
            <a:lvl1pPr>
              <a:defRPr sz="2000"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9997" y="2192138"/>
            <a:ext cx="5196199" cy="3945862"/>
          </a:xfrm>
        </p:spPr>
        <p:txBody>
          <a:bodyPr/>
          <a:lstStyle>
            <a:lvl1pPr>
              <a:defRPr sz="1200">
                <a:latin typeface="KBH Tekst" panose="00000500000000000000" pitchFamily="2" charset="0"/>
              </a:defRPr>
            </a:lvl1pPr>
            <a:lvl2pPr marL="371475" indent="-179388">
              <a:defRPr sz="1200">
                <a:latin typeface="KBH Tekst" panose="00000500000000000000" pitchFamily="2" charset="0"/>
              </a:defRPr>
            </a:lvl2pPr>
            <a:lvl3pPr marL="544513" indent="-163513">
              <a:defRPr sz="1200">
                <a:latin typeface="KBH Tekst" panose="00000500000000000000" pitchFamily="2" charset="0"/>
              </a:defRPr>
            </a:lvl3pPr>
            <a:lvl4pPr>
              <a:defRPr sz="1200"/>
            </a:lvl4pPr>
            <a:lvl5pPr>
              <a:defRPr sz="1200">
                <a:latin typeface="KBH Tekst" panose="00000500000000000000" pitchFamily="2" charset="0"/>
              </a:defRPr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</a:lstStyle>
          <a:p>
            <a:pPr lvl="0"/>
            <a:r>
              <a:rPr lang="da-DK" noProof="0" dirty="0"/>
              <a:t>Brug TAB og Shift + TAB til at skifte tekst- og bulletniveau. Stå på ny linje inden du trykker på TAB. 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5"/>
            <a:r>
              <a:rPr lang="da-DK" noProof="0" dirty="0" err="1"/>
              <a:t>Six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6"/>
            <a:r>
              <a:rPr lang="da-DK" noProof="0" dirty="0" err="1"/>
              <a:t>Seven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7"/>
            <a:r>
              <a:rPr lang="da-DK" noProof="0" dirty="0" err="1"/>
              <a:t>Eight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8"/>
            <a:r>
              <a:rPr lang="da-DK" noProof="0" dirty="0"/>
              <a:t>Ninth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226B16CC-F459-45AB-8AF6-621CD4FF544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75800" y="2192400"/>
            <a:ext cx="5196200" cy="3949200"/>
          </a:xfrm>
        </p:spPr>
        <p:txBody>
          <a:bodyPr/>
          <a:lstStyle>
            <a:lvl1pPr>
              <a:defRPr sz="1200">
                <a:latin typeface="KBH Tekst" panose="00000500000000000000" pitchFamily="2" charset="0"/>
              </a:defRPr>
            </a:lvl1pPr>
            <a:lvl2pPr marL="370800" indent="-180000">
              <a:defRPr sz="1200">
                <a:latin typeface="KBH Tekst" panose="00000500000000000000" pitchFamily="2" charset="0"/>
              </a:defRPr>
            </a:lvl2pPr>
            <a:lvl3pPr marL="543600">
              <a:defRPr sz="1200">
                <a:latin typeface="KBH Tekst" panose="00000500000000000000" pitchFamily="2" charset="0"/>
              </a:defRPr>
            </a:lvl3pPr>
            <a:lvl4pPr>
              <a:defRPr sz="1200"/>
            </a:lvl4pPr>
            <a:lvl5pPr>
              <a:defRPr sz="1200">
                <a:latin typeface="KBH Tekst" panose="00000500000000000000" pitchFamily="2" charset="0"/>
              </a:defRPr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9" name="Date_GeneralDate">
            <a:extLst>
              <a:ext uri="{FF2B5EF4-FFF2-40B4-BE49-F238E27FC236}">
                <a16:creationId xmlns:a16="http://schemas.microsoft.com/office/drawing/2014/main" id="{1E57683A-B89A-4C49-94F5-D6FE2971887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659422" y="310327"/>
            <a:ext cx="2401755" cy="180000"/>
          </a:xfrm>
        </p:spPr>
        <p:txBody>
          <a:bodyPr/>
          <a:lstStyle/>
          <a:p>
            <a:endParaRPr lang="da-DK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B0C0F55C-0196-46B3-A323-46BEB6056D6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77081" y="310327"/>
            <a:ext cx="394920" cy="180000"/>
          </a:xfrm>
        </p:spPr>
        <p:txBody>
          <a:bodyPr/>
          <a:lstStyle/>
          <a:p>
            <a:fld id="{859873C9-BF5D-4A9A-BB31-45BBB7BABAF7}" type="slidenum">
              <a:rPr lang="da-DK" noProof="0" smtClean="0"/>
              <a:t>‹nr.›</a:t>
            </a:fld>
            <a:endParaRPr lang="da-DK" noProof="0" dirty="0"/>
          </a:p>
        </p:txBody>
      </p:sp>
      <p:sp>
        <p:nvSpPr>
          <p:cNvPr id="12" name="SD_FLD_PresentationTitle">
            <a:extLst>
              <a:ext uri="{FF2B5EF4-FFF2-40B4-BE49-F238E27FC236}">
                <a16:creationId xmlns:a16="http://schemas.microsoft.com/office/drawing/2014/main" id="{0E1D2869-881F-4A30-85CD-63C245E1C0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424000" y="310327"/>
            <a:ext cx="4097593" cy="180000"/>
          </a:xfrm>
        </p:spPr>
        <p:txBody>
          <a:bodyPr/>
          <a:lstStyle/>
          <a:p>
            <a:r>
              <a:rPr lang="da-DK" noProof="0" dirty="0"/>
              <a:t>Sidehoved</a:t>
            </a:r>
          </a:p>
        </p:txBody>
      </p:sp>
    </p:spTree>
    <p:extLst>
      <p:ext uri="{BB962C8B-B14F-4D97-AF65-F5344CB8AC3E}">
        <p14:creationId xmlns:p14="http://schemas.microsoft.com/office/powerpoint/2010/main" val="125952505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UK_Titel og indhold hvi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8A9D288E-FE9E-44C8-8107-0308EB870B9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998" y="894268"/>
            <a:ext cx="10752002" cy="893928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>
              <a:defRPr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Brug TAB og Shift + TAB til at skifte tekst- og bulletniveau. Stå på ny linje inden du trykker på TAB. 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4" name="Date_GeneralDat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noProof="0" dirty="0"/>
          </a:p>
        </p:txBody>
      </p:sp>
      <p:sp>
        <p:nvSpPr>
          <p:cNvPr id="5" name="SD_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noProof="0" dirty="0"/>
              <a:t>Sidehoved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da-DK" noProof="0" smtClean="0"/>
              <a:t>‹nr.›</a:t>
            </a:fld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5694396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Rapport: To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2670675-C315-4700-B9B7-A5AB773CA2B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19998" y="894268"/>
            <a:ext cx="5194800" cy="850742"/>
          </a:xfrm>
        </p:spPr>
        <p:txBody>
          <a:bodyPr/>
          <a:lstStyle>
            <a:lvl1pPr>
              <a:defRPr sz="2000"/>
            </a:lvl1pPr>
          </a:lstStyle>
          <a:p>
            <a:r>
              <a:rPr lang="da-DK" dirty="0"/>
              <a:t>Klik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19997" y="2192138"/>
            <a:ext cx="5196199" cy="3945862"/>
          </a:xfrm>
        </p:spPr>
        <p:txBody>
          <a:bodyPr/>
          <a:lstStyle>
            <a:lvl1pPr>
              <a:defRPr sz="1200">
                <a:latin typeface="KBH Tekst" panose="00000500000000000000" pitchFamily="2" charset="0"/>
              </a:defRPr>
            </a:lvl1pPr>
            <a:lvl2pPr marL="371475" indent="-179388">
              <a:defRPr sz="1200">
                <a:latin typeface="KBH Tekst" panose="00000500000000000000" pitchFamily="2" charset="0"/>
              </a:defRPr>
            </a:lvl2pPr>
            <a:lvl3pPr marL="544513" indent="-163513">
              <a:defRPr sz="1200">
                <a:latin typeface="KBH Tekst" panose="00000500000000000000" pitchFamily="2" charset="0"/>
              </a:defRPr>
            </a:lvl3pPr>
            <a:lvl4pPr>
              <a:defRPr sz="1200"/>
            </a:lvl4pPr>
            <a:lvl5pPr>
              <a:defRPr sz="1200">
                <a:latin typeface="KBH Tekst" panose="00000500000000000000" pitchFamily="2" charset="0"/>
              </a:defRPr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</a:lstStyle>
          <a:p>
            <a:pPr lvl="0"/>
            <a:r>
              <a:rPr lang="da-DK" noProof="0" dirty="0"/>
              <a:t>Brug TAB og Shift + TAB til at skifte tekst- og bulletniveau. Stå på ny linje inden du trykker på TAB. </a:t>
            </a:r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5"/>
            <a:r>
              <a:rPr lang="da-DK" noProof="0" dirty="0" err="1"/>
              <a:t>Six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6"/>
            <a:r>
              <a:rPr lang="da-DK" noProof="0" dirty="0" err="1"/>
              <a:t>Seven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7"/>
            <a:r>
              <a:rPr lang="da-DK" noProof="0" dirty="0" err="1"/>
              <a:t>Eight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8"/>
            <a:r>
              <a:rPr lang="da-DK" noProof="0" dirty="0"/>
              <a:t>Ninth</a:t>
            </a:r>
          </a:p>
        </p:txBody>
      </p:sp>
      <p:sp>
        <p:nvSpPr>
          <p:cNvPr id="16" name="Content Placeholder 8">
            <a:extLst>
              <a:ext uri="{FF2B5EF4-FFF2-40B4-BE49-F238E27FC236}">
                <a16:creationId xmlns:a16="http://schemas.microsoft.com/office/drawing/2014/main" id="{226B16CC-F459-45AB-8AF6-621CD4FF544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75800" y="2192400"/>
            <a:ext cx="5196200" cy="3949200"/>
          </a:xfrm>
        </p:spPr>
        <p:txBody>
          <a:bodyPr/>
          <a:lstStyle>
            <a:lvl1pPr>
              <a:defRPr sz="1200">
                <a:latin typeface="KBH Tekst" panose="00000500000000000000" pitchFamily="2" charset="0"/>
              </a:defRPr>
            </a:lvl1pPr>
            <a:lvl2pPr marL="370800" indent="-180000">
              <a:defRPr sz="1200">
                <a:latin typeface="KBH Tekst" panose="00000500000000000000" pitchFamily="2" charset="0"/>
              </a:defRPr>
            </a:lvl2pPr>
            <a:lvl3pPr marL="543600">
              <a:defRPr sz="1200">
                <a:latin typeface="KBH Tekst" panose="00000500000000000000" pitchFamily="2" charset="0"/>
              </a:defRPr>
            </a:lvl3pPr>
            <a:lvl4pPr>
              <a:defRPr sz="1200"/>
            </a:lvl4pPr>
            <a:lvl5pPr>
              <a:defRPr sz="1200">
                <a:latin typeface="KBH Tekst" panose="00000500000000000000" pitchFamily="2" charset="0"/>
              </a:defRPr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</a:lstStyle>
          <a:p>
            <a:pPr lvl="0"/>
            <a:r>
              <a:rPr lang="da-DK" dirty="0"/>
              <a:t>Klik for at tilføje tekst</a:t>
            </a:r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9" name="Date_GeneralDate">
            <a:extLst>
              <a:ext uri="{FF2B5EF4-FFF2-40B4-BE49-F238E27FC236}">
                <a16:creationId xmlns:a16="http://schemas.microsoft.com/office/drawing/2014/main" id="{1E57683A-B89A-4C49-94F5-D6FE2971887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659422" y="310327"/>
            <a:ext cx="2401755" cy="180000"/>
          </a:xfrm>
        </p:spPr>
        <p:txBody>
          <a:bodyPr/>
          <a:lstStyle/>
          <a:p>
            <a:endParaRPr lang="da-DK" noProof="0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B0C0F55C-0196-46B3-A323-46BEB6056D6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077081" y="310327"/>
            <a:ext cx="394920" cy="180000"/>
          </a:xfrm>
        </p:spPr>
        <p:txBody>
          <a:bodyPr/>
          <a:lstStyle/>
          <a:p>
            <a:fld id="{859873C9-BF5D-4A9A-BB31-45BBB7BABAF7}" type="slidenum">
              <a:rPr lang="da-DK" noProof="0" smtClean="0"/>
              <a:t>‹nr.›</a:t>
            </a:fld>
            <a:endParaRPr lang="da-DK" noProof="0" dirty="0"/>
          </a:p>
        </p:txBody>
      </p:sp>
      <p:sp>
        <p:nvSpPr>
          <p:cNvPr id="12" name="SD_FLD_PresentationTitle">
            <a:extLst>
              <a:ext uri="{FF2B5EF4-FFF2-40B4-BE49-F238E27FC236}">
                <a16:creationId xmlns:a16="http://schemas.microsoft.com/office/drawing/2014/main" id="{0E1D2869-881F-4A30-85CD-63C245E1C0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424000" y="310327"/>
            <a:ext cx="4097593" cy="180000"/>
          </a:xfrm>
        </p:spPr>
        <p:txBody>
          <a:bodyPr/>
          <a:lstStyle/>
          <a:p>
            <a:r>
              <a:rPr lang="da-DK" noProof="0" dirty="0"/>
              <a:t>Sidehoved</a:t>
            </a:r>
          </a:p>
        </p:txBody>
      </p:sp>
    </p:spTree>
    <p:extLst>
      <p:ext uri="{BB962C8B-B14F-4D97-AF65-F5344CB8AC3E}">
        <p14:creationId xmlns:p14="http://schemas.microsoft.com/office/powerpoint/2010/main" val="263214426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843963851" name="image" descr="{&quot;templafy&quot;:{&quot;id&quot;:&quot;cf089265-0acb-40f7-9714-44ca46cd8ba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634820533" name="image" descr="{&quot;templafy&quot;:{&quot;id&quot;:&quot;819e66fe-75c0-418d-8175-33ba9a2a7e2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be61aa5f-de19-46f8-b759-93b057c5e554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9ea0fa92-3a06-4c13-92c3-c928094c9100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855114182" name="image" descr="{&quot;templafy&quot;:{&quot;id&quot;:&quot;045fabd4-ebc3-4da3-a20e-486075988ce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36420330" name="image" descr="{&quot;templafy&quot;:{&quot;id&quot;:&quot;5f7e3449-08c5-4ff3-9140-78205c3b44a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880839129" name="image" descr="{&quot;templafy&quot;:{&quot;id&quot;:&quot;85b9cb7c-edb5-4a46-870e-abe1712f21d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a7d2acd4-7282-4171-bd53-96cbae000985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29" name="text" descr="{&quot;templafy&quot;:{&quot;id&quot;:&quot;a4f09c15-d726-40a5-9f79-ec9bc34a4245&quot;}}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a7db58fb-4b78-4913-9a88-ec85e3d4f192&quot;}}" hidden="1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3957f5e2-e2cd-4e46-a672-23de116a9790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750387363" name="image" descr="{&quot;templafy&quot;:{&quot;id&quot;:&quot;e9e029f9-ad64-47f7-8de1-9f194bc1802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4353698" name="image" descr="{&quot;templafy&quot;:{&quot;id&quot;:&quot;61b91f97-4f20-48ad-8a6a-23daad2d68d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1667745526" name="image" descr="{&quot;templafy&quot;:{&quot;id&quot;:&quot;5bc1d78f-4744-4808-b1be-7835467ee28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378245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ac22f3a9-6e79-417f-aa44-4f01561b2fb1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7" name="text" descr="{&quot;templafy&quot;:{&quot;id&quot;:&quot;d7b913e4-e905-4f44-94fc-aae564098ba8&quot;}}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8" name="text" descr="{&quot;templafy&quot;:{&quot;id&quot;:&quot;93ef8a84-052a-4002-ad83-70845494cbbe&quot;}}" hidden="1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9" name="text" descr="{&quot;templafy&quot;:{&quot;id&quot;:&quot;6ad3e26c-0cd6-4317-8f28-e5dc810b5697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652304373" name="image" descr="{&quot;templafy&quot;:{&quot;id&quot;:&quot;5863f84e-bee3-47fe-abef-dbfe2cf18ce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659656933" name="image" descr="{&quot;templafy&quot;:{&quot;id&quot;:&quot;27ace416-ee50-46ae-8ff4-f5d90910980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083744822" name="image" descr="{&quot;templafy&quot;:{&quot;id&quot;:&quot;a85ec22a-fee9-402a-a2f4-eddeae4bd5e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437276481" name="image" descr="{&quot;templafy&quot;:{&quot;id&quot;:&quot;3cdbe71e-e649-4c3f-96b5-5e869621375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60452090" name="image" descr="{&quot;templafy&quot;:{&quot;id&quot;:&quot;d5c69f5a-f8e6-472e-bacd-d514447f744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2" name="text" descr="{&quot;templafy&quot;:{&quot;id&quot;:&quot;f1acca58-43e8-43c5-a993-6642d2a05de5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3" name="text" descr="{&quot;templafy&quot;:{&quot;id&quot;:&quot;38ade8bc-0805-4689-864c-cddd96235207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967966037" name="image" descr="{&quot;templafy&quot;:{&quot;id&quot;:&quot;b1a16033-6666-4faa-b7aa-d6fe87b4dfa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494353187" name="image" descr="{&quot;templafy&quot;:{&quot;id&quot;:&quot;e5a38afd-2e4b-4684-808e-b6fbf137948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c6caef57-4dfa-42a7-98f2-dbc4751f1bc5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egion Hovedstadens Psykiatri</a:t>
            </a:r>
          </a:p>
        </p:txBody>
      </p:sp>
      <p:sp>
        <p:nvSpPr>
          <p:cNvPr id="17" name="text" descr="{&quot;templafy&quot;:{&quot;id&quot;:&quot;076a999b-dcda-4c13-a973-492215ab8df3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218a1426-8c78-4482-94d6-f0f890254374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5dec9b5c-46b4-4a3f-9d03-9bd497272c82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1654721716" name="image" descr="{&quot;templafy&quot;:{&quot;id&quot;:&quot;05e2d58d-e37b-4503-9abc-797196acf01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26576989" name="image" descr="{&quot;templafy&quot;:{&quot;id&quot;:&quot;8a1a57d4-566c-4e22-9e5b-fea7e315d2a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1f88a2ef-f431-4e1d-9a60-207b3308146c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5fc71848-50f6-438e-8fcf-f64c932b5d64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4202862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549868566" name="image" descr="{&quot;templafy&quot;:{&quot;id&quot;:&quot;316c0c32-85d0-4fd4-822f-2108fce1804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418490469" name="image" descr="{&quot;templafy&quot;:{&quot;id&quot;:&quot;652267a1-e05c-44a6-86ff-58eb3a0177e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798785468" name="image" descr="{&quot;templafy&quot;:{&quot;id&quot;:&quot;942b9749-a0f8-40fc-b0fc-8bf7d019d78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55697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513b1beb-d9a7-4f05-890b-8216e818be99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1" name="text" descr="{&quot;templafy&quot;:{&quot;id&quot;:&quot;f55dd6b7-c031-4dee-a065-a981c4606956&quot;}}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b7075c75-8651-4f43-bb8c-aa3d5de88729&quot;}}" hidden="1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29799855-6ba1-4525-b9c0-db9809de3db0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704551007" name="image" descr="{&quot;templafy&quot;:{&quot;id&quot;:&quot;27241e43-671a-4ae5-9c99-a79a0875c8b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622394738" name="image" descr="{&quot;templafy&quot;:{&quot;id&quot;:&quot;6a4fad80-9a90-4a92-b226-f080f968fa7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805299319" name="image" descr="{&quot;templafy&quot;:{&quot;id&quot;:&quot;6afac010-0a74-4d04-84d6-351de0e8a004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519380517" name="image" descr="{&quot;templafy&quot;:{&quot;id&quot;:&quot;a91d289e-cc40-4639-b291-c9fe782f7f3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892348456" name="image" descr="{&quot;templafy&quot;:{&quot;id&quot;:&quot;b08c95ea-970d-44bd-b924-9985a7ec60f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e29a0ef1-3954-4dd4-8eeb-bd03ba99807e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7" name="text" descr="{&quot;templafy&quot;:{&quot;id&quot;:&quot;dc08d707-f220-4aa8-a66d-07739dd92bd1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36526786" name="image" descr="{&quot;templafy&quot;:{&quot;id&quot;:&quot;8c1cab8d-7eb2-4c2f-a405-261a582d3a31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c4c1284f-0f5f-4301-a33d-f7c86d1a74e1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0" name="text" descr="{&quot;templafy&quot;:{&quot;id&quot;:&quot;fea881d4-96c1-4030-bf86-ebcceebdc331&quot;}}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93170c33-53fe-4bae-bb39-0300657641e5&quot;}}" hidden="1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8b0a3c35-ad89-456a-b5cb-9c2c8ef082c4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44450442" name="image" descr="{&quot;templafy&quot;:{&quot;id&quot;:&quot;27567626-724c-4c2e-aec1-bf037ced5dc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659956426" name="image" descr="{&quot;templafy&quot;:{&quot;id&quot;:&quot;3115dfa5-43d1-450b-901f-ac3eb547efa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684756667" name="image" descr="{&quot;templafy&quot;:{&quot;id&quot;:&quot;a82dff4e-8de5-43fd-9a86-bad390f3ffa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843398517" name="image" descr="{&quot;templafy&quot;:{&quot;id&quot;:&quot;43279dcd-12f2-40f7-b0e2-4d11269a4f0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805161283" name="image" descr="{&quot;templafy&quot;:{&quot;id&quot;:&quot;76c86db6-49d1-498b-b425-adb6f7a5d82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2fb45ab8-2d4c-4041-b064-01d4416636a9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6" name="text" descr="{&quot;templafy&quot;:{&quot;id&quot;:&quot;4a2596fe-a518-4960-8550-bc8ae23a79d6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857380816" name="image" descr="{&quot;templafy&quot;:{&quot;id&quot;:&quot;ebcac1e6-f859-4567-ba50-47ddbbcf525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356dc45f-4af5-4e55-9d57-c87e418f117c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9" name="text" descr="{&quot;templafy&quot;:{&quot;id&quot;:&quot;e93b61de-2a5c-41fd-925f-c9e3bc520bed&quot;}}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0" name="text" descr="{&quot;templafy&quot;:{&quot;id&quot;:&quot;0975ccac-a10c-4d74-bc8a-c4c3d509842b&quot;}}" hidden="1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8feb3c92-0f25-4cda-97d1-c7731e43bf85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285215584" name="image" descr="{&quot;templafy&quot;:{&quot;id&quot;:&quot;0de8728c-a272-4f36-b2e5-e57fd42a220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116975020" name="image" descr="{&quot;templafy&quot;:{&quot;id&quot;:&quot;58862389-0ca8-4d46-98fb-4d206f9c279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840621218" name="image" descr="{&quot;templafy&quot;:{&quot;id&quot;:&quot;0d6f94c5-c9c5-4c77-8bee-f977a933e2c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347588893" name="image" descr="{&quot;templafy&quot;:{&quot;id&quot;:&quot;54ecfb3e-d17c-48df-905d-e40a718d3b2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894519177" name="image" descr="{&quot;templafy&quot;:{&quot;id&quot;:&quot;ee7656ee-ea9f-40af-a7b7-d21d17a47ac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d16ec37c-92e3-41e6-9961-b46cdfda6c43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6" name="text" descr="{&quot;templafy&quot;:{&quot;id&quot;:&quot;2ef101b7-6152-45f1-a8b6-0b8009a00092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12959669" name="image" descr="{&quot;templafy&quot;:{&quot;id&quot;:&quot;d9089815-bacb-4720-a472-02285404db1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2ab9e567-c84b-48d6-a5ab-47a5bb1a036d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0" name="text" descr="{&quot;templafy&quot;:{&quot;id&quot;:&quot;5d74ffaa-168c-4f40-8017-f7a5ce3d1d65&quot;}}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72c5f545-0f1a-4f6d-b059-593d4d35b655&quot;}}" hidden="1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35e052d4-af42-49d6-bf87-085fa86d2ad4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662814170" name="image" descr="{&quot;templafy&quot;:{&quot;id&quot;:&quot;05e7522f-90cf-40b4-b89e-bffe2ad1c7b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622627653" name="image" descr="{&quot;templafy&quot;:{&quot;id&quot;:&quot;9e059056-3ac8-4c09-b67d-56831cc3fbc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589889473" name="image" descr="{&quot;templafy&quot;:{&quot;id&quot;:&quot;cecbd581-3866-4267-814f-793569d6b2d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392087554" name="image" descr="{&quot;templafy&quot;:{&quot;id&quot;:&quot;7b982489-7429-472e-9cbb-878c707c598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237574249" name="image" descr="{&quot;templafy&quot;:{&quot;id&quot;:&quot;9d06e87d-67a2-4f29-8831-3e6003c3d15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4e3cf98c-c754-43c8-8a25-832212fe0627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9" name="text" descr="{&quot;templafy&quot;:{&quot;id&quot;:&quot;f81fce9b-e3a9-4bf0-a8f4-0340695ee548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01051582" name="image" descr="{&quot;templafy&quot;:{&quot;id&quot;:&quot;e120889a-2330-4980-84cb-29f72b52816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00ccc1de-bcdc-427d-a4d7-0a3b27b78491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s Psykiatri</a:t>
            </a:r>
          </a:p>
        </p:txBody>
      </p:sp>
      <p:sp>
        <p:nvSpPr>
          <p:cNvPr id="10" name="text" descr="{&quot;templafy&quot;:{&quot;id&quot;:&quot;60b461e2-6fc8-4858-8b1f-91d516df3b56&quot;}}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8f481e67-3d56-4d80-9100-3b77620d44d2&quot;}}" hidden="1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985d1549-cbdf-4098-b1e9-5dbb473077d2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522721346" name="image" descr="{&quot;templafy&quot;:{&quot;id&quot;:&quot;010109d4-6f76-45e0-a1fa-082e8b79299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709368925" name="image" descr="{&quot;templafy&quot;:{&quot;id&quot;:&quot;53070f84-426a-4c7d-beb5-b3b077cbeda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406261818" name="image" descr="{&quot;templafy&quot;:{&quot;id&quot;:&quot;95f37c47-2bf9-432b-a1bb-09c8826c505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69593574" name="image" descr="{&quot;templafy&quot;:{&quot;id&quot;:&quot;9f9a53e9-a1df-4175-893c-9c62b1809e1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184007425" name="image" descr="{&quot;templafy&quot;:{&quot;id&quot;:&quot;ec60bf40-0d51-4144-835b-61f756152ba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7db961a3-8fa0-495e-ae78-32cb66b91d65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6" name="text" descr="{&quot;templafy&quot;:{&quot;id&quot;:&quot;cf13c043-43bb-472e-904f-c25a449c2815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824387825" name="image" descr="{&quot;templafy&quot;:{&quot;id&quot;:&quot;fc9576dc-4b42-4983-891a-1ab5e09038b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d161f2f0-3418-4f3d-8017-4a35a3e71806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0" r:id="rId2"/>
    <p:sldLayoutId id="2147483650" r:id="rId3"/>
    <p:sldLayoutId id="2147483674" r:id="rId4"/>
    <p:sldLayoutId id="2147483659" r:id="rId5"/>
    <p:sldLayoutId id="2147483660" r:id="rId6"/>
    <p:sldLayoutId id="2147483664" r:id="rId7"/>
    <p:sldLayoutId id="2147483665" r:id="rId8"/>
    <p:sldLayoutId id="2147483662" r:id="rId9"/>
    <p:sldLayoutId id="2147483668" r:id="rId10"/>
    <p:sldLayoutId id="2147483669" r:id="rId11"/>
    <p:sldLayoutId id="2147483658" r:id="rId12"/>
    <p:sldLayoutId id="2147483672" r:id="rId13"/>
    <p:sldLayoutId id="2147483655" r:id="rId14"/>
    <p:sldLayoutId id="2147483663" r:id="rId15"/>
    <p:sldLayoutId id="2147483667" r:id="rId16"/>
    <p:sldLayoutId id="2147483675" r:id="rId17"/>
    <p:sldLayoutId id="2147483676" r:id="rId18"/>
    <p:sldLayoutId id="2147483677" r:id="rId19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image" Target="../media/image15.pn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3.xml"/><Relationship Id="rId5" Type="http://schemas.microsoft.com/office/2007/relationships/hdphoto" Target="../media/hdphoto1.wdp"/><Relationship Id="rId4" Type="http://schemas.openxmlformats.org/officeDocument/2006/relationships/image" Target="../media/image17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8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19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20.jpe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6DB2B93-4E3F-4F81-AAFD-935E4AB31E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ydelig ansvarsfordeling og forpligtende samarbejde på tværs af sektorer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971C0FE-1518-416D-AB32-0FA49CED55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Social- og Psykiatriudvalget </a:t>
            </a:r>
            <a:r>
              <a:rPr lang="da-DK"/>
              <a:t>den 26.08.2020</a:t>
            </a:r>
            <a:endParaRPr lang="da-DK" dirty="0"/>
          </a:p>
          <a:p>
            <a:r>
              <a:rPr lang="da-DK" dirty="0"/>
              <a:t>Knud Andersen, borgercenterchef i Københavns Kommune</a:t>
            </a:r>
          </a:p>
          <a:p>
            <a:r>
              <a:rPr lang="da-DK" dirty="0"/>
              <a:t>Line Duelund Nielsen, centerchef på Psykiatrisk Center København</a:t>
            </a:r>
          </a:p>
          <a:p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</a:t>
            </a:fld>
            <a:endParaRPr lang="da-DK" dirty="0"/>
          </a:p>
        </p:txBody>
      </p:sp>
      <p:pic>
        <p:nvPicPr>
          <p:cNvPr id="1026" name="Picture 2" descr="Københavns Kommune – PRO|GRUPPEN">
            <a:extLst>
              <a:ext uri="{FF2B5EF4-FFF2-40B4-BE49-F238E27FC236}">
                <a16:creationId xmlns:a16="http://schemas.microsoft.com/office/drawing/2014/main" id="{519EC16D-8795-49AD-A5CA-59BDADC14B9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71464" y="1"/>
            <a:ext cx="2736303" cy="9807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1244998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1" name="Picture 2" descr="Københavns Kommune – PRO|GRUPPEN">
            <a:extLst>
              <a:ext uri="{FF2B5EF4-FFF2-40B4-BE49-F238E27FC236}">
                <a16:creationId xmlns:a16="http://schemas.microsoft.com/office/drawing/2014/main" id="{3B40A119-B0C2-4F6D-AA57-6113D2D6DB1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77026" y="-10757"/>
            <a:ext cx="2736303" cy="9807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9F460D40-01D2-4049-AC25-B8BE31BAD9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da-DK"/>
            </a:defPPr>
            <a:lvl1pPr marL="0" algn="r" defTabSz="914400" rtl="0" eaLnBrk="1" latinLnBrk="0" hangingPunct="1">
              <a:defRPr sz="12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0DAB5548-7253-48D6-B95B-F3D312A72220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AD2F4168-5ECA-41C7-8180-1ED0107C7A58}"/>
              </a:ext>
            </a:extLst>
          </p:cNvPr>
          <p:cNvSpPr/>
          <p:nvPr/>
        </p:nvSpPr>
        <p:spPr>
          <a:xfrm>
            <a:off x="3719736" y="651050"/>
            <a:ext cx="5184576" cy="914400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Sundhedskoordinationsudvalget SKU</a:t>
            </a:r>
          </a:p>
        </p:txBody>
      </p:sp>
      <p:sp>
        <p:nvSpPr>
          <p:cNvPr id="9" name="Rektangel 8">
            <a:extLst>
              <a:ext uri="{FF2B5EF4-FFF2-40B4-BE49-F238E27FC236}">
                <a16:creationId xmlns:a16="http://schemas.microsoft.com/office/drawing/2014/main" id="{4121EF61-B622-413A-AF40-1E4B05F7C8AB}"/>
              </a:ext>
            </a:extLst>
          </p:cNvPr>
          <p:cNvSpPr/>
          <p:nvPr/>
        </p:nvSpPr>
        <p:spPr>
          <a:xfrm>
            <a:off x="3719736" y="1908336"/>
            <a:ext cx="2376264" cy="1016609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Temagrupper</a:t>
            </a:r>
          </a:p>
        </p:txBody>
      </p:sp>
      <p:sp>
        <p:nvSpPr>
          <p:cNvPr id="11" name="Rektangel 10">
            <a:extLst>
              <a:ext uri="{FF2B5EF4-FFF2-40B4-BE49-F238E27FC236}">
                <a16:creationId xmlns:a16="http://schemas.microsoft.com/office/drawing/2014/main" id="{112536E6-5F0F-4A9B-9E58-CCC9473F9319}"/>
              </a:ext>
            </a:extLst>
          </p:cNvPr>
          <p:cNvSpPr/>
          <p:nvPr/>
        </p:nvSpPr>
        <p:spPr>
          <a:xfrm>
            <a:off x="6456040" y="1908334"/>
            <a:ext cx="2448272" cy="1016609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Tværsektoriel Strategisk Styregruppe TSS</a:t>
            </a:r>
          </a:p>
        </p:txBody>
      </p:sp>
      <p:sp>
        <p:nvSpPr>
          <p:cNvPr id="12" name="Ellipse 11">
            <a:extLst>
              <a:ext uri="{FF2B5EF4-FFF2-40B4-BE49-F238E27FC236}">
                <a16:creationId xmlns:a16="http://schemas.microsoft.com/office/drawing/2014/main" id="{0CA6970B-6442-4BCF-9274-CBB62BAEA625}"/>
              </a:ext>
            </a:extLst>
          </p:cNvPr>
          <p:cNvSpPr/>
          <p:nvPr/>
        </p:nvSpPr>
        <p:spPr>
          <a:xfrm>
            <a:off x="4367808" y="3158435"/>
            <a:ext cx="4104456" cy="914400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Psykiatriens fælles samordningsudvalg</a:t>
            </a:r>
          </a:p>
        </p:txBody>
      </p:sp>
      <p:sp>
        <p:nvSpPr>
          <p:cNvPr id="13" name="Rutediagram: Forbindelse 12">
            <a:extLst>
              <a:ext uri="{FF2B5EF4-FFF2-40B4-BE49-F238E27FC236}">
                <a16:creationId xmlns:a16="http://schemas.microsoft.com/office/drawing/2014/main" id="{57314429-0F8E-4508-B423-D62259C891CB}"/>
              </a:ext>
            </a:extLst>
          </p:cNvPr>
          <p:cNvSpPr/>
          <p:nvPr/>
        </p:nvSpPr>
        <p:spPr>
          <a:xfrm>
            <a:off x="4151784" y="4517927"/>
            <a:ext cx="457200" cy="457200"/>
          </a:xfrm>
          <a:prstGeom prst="flowChartConnector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5" name="Rutediagram: Forbindelse 14">
            <a:extLst>
              <a:ext uri="{FF2B5EF4-FFF2-40B4-BE49-F238E27FC236}">
                <a16:creationId xmlns:a16="http://schemas.microsoft.com/office/drawing/2014/main" id="{E0E14BD9-625F-4F4F-94AF-49560C435A37}"/>
              </a:ext>
            </a:extLst>
          </p:cNvPr>
          <p:cNvSpPr/>
          <p:nvPr/>
        </p:nvSpPr>
        <p:spPr>
          <a:xfrm>
            <a:off x="4892940" y="4517927"/>
            <a:ext cx="457200" cy="457200"/>
          </a:xfrm>
          <a:prstGeom prst="flowChartConnector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6" name="Rutediagram: Forbindelse 15">
            <a:extLst>
              <a:ext uri="{FF2B5EF4-FFF2-40B4-BE49-F238E27FC236}">
                <a16:creationId xmlns:a16="http://schemas.microsoft.com/office/drawing/2014/main" id="{4B95A55E-C195-48A8-8392-A41A4CE86CD2}"/>
              </a:ext>
            </a:extLst>
          </p:cNvPr>
          <p:cNvSpPr/>
          <p:nvPr/>
        </p:nvSpPr>
        <p:spPr>
          <a:xfrm>
            <a:off x="4151784" y="5301208"/>
            <a:ext cx="457200" cy="457200"/>
          </a:xfrm>
          <a:prstGeom prst="flowChartConnector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7" name="Rutediagram: Forbindelse 16">
            <a:extLst>
              <a:ext uri="{FF2B5EF4-FFF2-40B4-BE49-F238E27FC236}">
                <a16:creationId xmlns:a16="http://schemas.microsoft.com/office/drawing/2014/main" id="{C509D8B7-609C-4B34-9D44-FA51282C3188}"/>
              </a:ext>
            </a:extLst>
          </p:cNvPr>
          <p:cNvSpPr/>
          <p:nvPr/>
        </p:nvSpPr>
        <p:spPr>
          <a:xfrm>
            <a:off x="4890332" y="5288631"/>
            <a:ext cx="457200" cy="457200"/>
          </a:xfrm>
          <a:prstGeom prst="flowChartConnector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8" name="Tekstfelt 17">
            <a:extLst>
              <a:ext uri="{FF2B5EF4-FFF2-40B4-BE49-F238E27FC236}">
                <a16:creationId xmlns:a16="http://schemas.microsoft.com/office/drawing/2014/main" id="{69EBFFAC-BD82-4E62-88CC-799BF087853A}"/>
              </a:ext>
            </a:extLst>
          </p:cNvPr>
          <p:cNvSpPr txBox="1"/>
          <p:nvPr/>
        </p:nvSpPr>
        <p:spPr>
          <a:xfrm>
            <a:off x="2639616" y="3933056"/>
            <a:ext cx="2664296" cy="5554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/>
              <a:t>Samordningsudvalg</a:t>
            </a:r>
          </a:p>
          <a:p>
            <a:r>
              <a:rPr lang="da-DK" dirty="0"/>
              <a:t>voksne</a:t>
            </a:r>
          </a:p>
        </p:txBody>
      </p:sp>
      <p:sp>
        <p:nvSpPr>
          <p:cNvPr id="19" name="Tekstfelt 18">
            <a:extLst>
              <a:ext uri="{FF2B5EF4-FFF2-40B4-BE49-F238E27FC236}">
                <a16:creationId xmlns:a16="http://schemas.microsoft.com/office/drawing/2014/main" id="{98F7E510-5354-4490-8072-B1DD94716E8C}"/>
              </a:ext>
            </a:extLst>
          </p:cNvPr>
          <p:cNvSpPr txBox="1"/>
          <p:nvPr/>
        </p:nvSpPr>
        <p:spPr>
          <a:xfrm>
            <a:off x="5638800" y="2976196"/>
            <a:ext cx="914400" cy="914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dirty="0" err="1"/>
          </a:p>
        </p:txBody>
      </p:sp>
      <p:sp>
        <p:nvSpPr>
          <p:cNvPr id="23" name="Rutediagram: Forbindelse 22">
            <a:extLst>
              <a:ext uri="{FF2B5EF4-FFF2-40B4-BE49-F238E27FC236}">
                <a16:creationId xmlns:a16="http://schemas.microsoft.com/office/drawing/2014/main" id="{91931CA1-79F3-4B7D-BA35-C34F0AEE555A}"/>
              </a:ext>
            </a:extLst>
          </p:cNvPr>
          <p:cNvSpPr/>
          <p:nvPr/>
        </p:nvSpPr>
        <p:spPr>
          <a:xfrm>
            <a:off x="7185369" y="4517927"/>
            <a:ext cx="457200" cy="457200"/>
          </a:xfrm>
          <a:prstGeom prst="flowChartConnector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24" name="Rutediagram: Forbindelse 23">
            <a:extLst>
              <a:ext uri="{FF2B5EF4-FFF2-40B4-BE49-F238E27FC236}">
                <a16:creationId xmlns:a16="http://schemas.microsoft.com/office/drawing/2014/main" id="{45345E63-FDB4-48F4-8F80-D90ADFE107F8}"/>
              </a:ext>
            </a:extLst>
          </p:cNvPr>
          <p:cNvSpPr/>
          <p:nvPr/>
        </p:nvSpPr>
        <p:spPr>
          <a:xfrm>
            <a:off x="7943056" y="4517927"/>
            <a:ext cx="457200" cy="457200"/>
          </a:xfrm>
          <a:prstGeom prst="flowChartConnector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25" name="Rutediagram: Forbindelse 24">
            <a:extLst>
              <a:ext uri="{FF2B5EF4-FFF2-40B4-BE49-F238E27FC236}">
                <a16:creationId xmlns:a16="http://schemas.microsoft.com/office/drawing/2014/main" id="{503AFFFE-605C-48C6-9DE6-6B980926B1A9}"/>
              </a:ext>
            </a:extLst>
          </p:cNvPr>
          <p:cNvSpPr/>
          <p:nvPr/>
        </p:nvSpPr>
        <p:spPr>
          <a:xfrm>
            <a:off x="7185369" y="5288631"/>
            <a:ext cx="457200" cy="457200"/>
          </a:xfrm>
          <a:prstGeom prst="flowChartConnector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26" name="Rutediagram: Forbindelse 25">
            <a:extLst>
              <a:ext uri="{FF2B5EF4-FFF2-40B4-BE49-F238E27FC236}">
                <a16:creationId xmlns:a16="http://schemas.microsoft.com/office/drawing/2014/main" id="{463FA3DD-B685-47B6-B4AB-D998934B6E19}"/>
              </a:ext>
            </a:extLst>
          </p:cNvPr>
          <p:cNvSpPr/>
          <p:nvPr/>
        </p:nvSpPr>
        <p:spPr>
          <a:xfrm>
            <a:off x="7943056" y="5288631"/>
            <a:ext cx="457200" cy="457200"/>
          </a:xfrm>
          <a:prstGeom prst="flowChartConnector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27" name="Tekstfelt 26">
            <a:extLst>
              <a:ext uri="{FF2B5EF4-FFF2-40B4-BE49-F238E27FC236}">
                <a16:creationId xmlns:a16="http://schemas.microsoft.com/office/drawing/2014/main" id="{FF8FD0B1-4366-49F0-B8AE-0A46AB29B9C5}"/>
              </a:ext>
            </a:extLst>
          </p:cNvPr>
          <p:cNvSpPr txBox="1"/>
          <p:nvPr/>
        </p:nvSpPr>
        <p:spPr>
          <a:xfrm>
            <a:off x="8472264" y="4077072"/>
            <a:ext cx="2088232" cy="55549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/>
              <a:t>Samordningsudvalg</a:t>
            </a:r>
          </a:p>
          <a:p>
            <a:r>
              <a:rPr lang="da-DK" dirty="0"/>
              <a:t>børn og unge</a:t>
            </a: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B748B352-3325-4270-805A-C44FD3991C47}"/>
              </a:ext>
            </a:extLst>
          </p:cNvPr>
          <p:cNvSpPr/>
          <p:nvPr/>
        </p:nvSpPr>
        <p:spPr>
          <a:xfrm>
            <a:off x="983432" y="1921447"/>
            <a:ext cx="2376264" cy="1016609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Arbejdsgrupper, samarbejdsfora mv.</a:t>
            </a:r>
          </a:p>
        </p:txBody>
      </p:sp>
      <p:sp>
        <p:nvSpPr>
          <p:cNvPr id="14" name="Rektangel 13">
            <a:extLst>
              <a:ext uri="{FF2B5EF4-FFF2-40B4-BE49-F238E27FC236}">
                <a16:creationId xmlns:a16="http://schemas.microsoft.com/office/drawing/2014/main" id="{4A898B2F-1E6E-4477-B8F2-37EE9216D9AC}"/>
              </a:ext>
            </a:extLst>
          </p:cNvPr>
          <p:cNvSpPr/>
          <p:nvPr/>
        </p:nvSpPr>
        <p:spPr>
          <a:xfrm>
            <a:off x="3359696" y="5389076"/>
            <a:ext cx="710451" cy="369332"/>
          </a:xfrm>
          <a:prstGeom prst="rect">
            <a:avLst/>
          </a:prstGeom>
        </p:spPr>
        <p:txBody>
          <a:bodyPr wrap="none">
            <a:spAutoFit/>
          </a:bodyPr>
          <a:lstStyle/>
          <a:p>
            <a:r>
              <a:rPr lang="da-DK" dirty="0"/>
              <a:t>Byen</a:t>
            </a:r>
          </a:p>
        </p:txBody>
      </p:sp>
      <p:sp>
        <p:nvSpPr>
          <p:cNvPr id="29" name="Ellipse 28">
            <a:extLst>
              <a:ext uri="{FF2B5EF4-FFF2-40B4-BE49-F238E27FC236}">
                <a16:creationId xmlns:a16="http://schemas.microsoft.com/office/drawing/2014/main" id="{186961D1-1315-4AC5-82F3-81704C36289E}"/>
              </a:ext>
            </a:extLst>
          </p:cNvPr>
          <p:cNvSpPr/>
          <p:nvPr/>
        </p:nvSpPr>
        <p:spPr>
          <a:xfrm flipV="1">
            <a:off x="3365708" y="5157191"/>
            <a:ext cx="1362139" cy="743949"/>
          </a:xfrm>
          <a:prstGeom prst="ellipse">
            <a:avLst/>
          </a:prstGeom>
          <a:noFill/>
          <a:ln w="952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rgbClr val="FF000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1352148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F1AE1392-A076-4D49-9576-C78D02E2834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</a:t>
            </a:fld>
            <a:endParaRPr lang="da-DK" dirty="0"/>
          </a:p>
        </p:txBody>
      </p:sp>
      <p:pic>
        <p:nvPicPr>
          <p:cNvPr id="6" name="Pladsholder til indhold 5">
            <a:extLst>
              <a:ext uri="{FF2B5EF4-FFF2-40B4-BE49-F238E27FC236}">
                <a16:creationId xmlns:a16="http://schemas.microsoft.com/office/drawing/2014/main" id="{942F47A2-D418-4BEC-A7B3-88C596EABCBF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920004" y="1279967"/>
            <a:ext cx="1552792" cy="1190791"/>
          </a:xfrm>
        </p:spPr>
      </p:pic>
      <p:pic>
        <p:nvPicPr>
          <p:cNvPr id="7" name="Picture 2" descr="Københavns Kommune – PRO|GRUPPEN">
            <a:extLst>
              <a:ext uri="{FF2B5EF4-FFF2-40B4-BE49-F238E27FC236}">
                <a16:creationId xmlns:a16="http://schemas.microsoft.com/office/drawing/2014/main" id="{23381673-0808-40FA-B8E4-CECA1A3BD8A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77026" y="30808"/>
            <a:ext cx="2736303" cy="9807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0" name="Tekstfelt 9">
            <a:extLst>
              <a:ext uri="{FF2B5EF4-FFF2-40B4-BE49-F238E27FC236}">
                <a16:creationId xmlns:a16="http://schemas.microsoft.com/office/drawing/2014/main" id="{F30B83B2-6336-44E8-81AE-8A6DC1285F78}"/>
              </a:ext>
            </a:extLst>
          </p:cNvPr>
          <p:cNvSpPr txBox="1"/>
          <p:nvPr/>
        </p:nvSpPr>
        <p:spPr>
          <a:xfrm>
            <a:off x="8631972" y="2100559"/>
            <a:ext cx="576064" cy="40963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dirty="0"/>
              <a:t>Byen</a:t>
            </a:r>
          </a:p>
        </p:txBody>
      </p:sp>
      <p:sp>
        <p:nvSpPr>
          <p:cNvPr id="11" name="Ellipse 10">
            <a:extLst>
              <a:ext uri="{FF2B5EF4-FFF2-40B4-BE49-F238E27FC236}">
                <a16:creationId xmlns:a16="http://schemas.microsoft.com/office/drawing/2014/main" id="{2AAC025A-CD8F-4524-A310-C905730FB9E3}"/>
              </a:ext>
            </a:extLst>
          </p:cNvPr>
          <p:cNvSpPr/>
          <p:nvPr/>
        </p:nvSpPr>
        <p:spPr>
          <a:xfrm flipV="1">
            <a:off x="8472264" y="1903817"/>
            <a:ext cx="1224136" cy="586657"/>
          </a:xfrm>
          <a:prstGeom prst="ellipse">
            <a:avLst/>
          </a:prstGeom>
          <a:noFill/>
          <a:ln w="952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>
              <a:solidFill>
                <a:srgbClr val="FF0000"/>
              </a:solidFill>
            </a:endParaRPr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DA217836-6A80-43CA-A379-74E0424C509A}"/>
              </a:ext>
            </a:extLst>
          </p:cNvPr>
          <p:cNvSpPr txBox="1"/>
          <p:nvPr/>
        </p:nvSpPr>
        <p:spPr>
          <a:xfrm>
            <a:off x="8328248" y="779556"/>
            <a:ext cx="2736304" cy="46395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dirty="0"/>
              <a:t>Lokale samordningsudvalg voksne</a:t>
            </a:r>
          </a:p>
        </p:txBody>
      </p:sp>
      <p:sp>
        <p:nvSpPr>
          <p:cNvPr id="13" name="Rektangel 12">
            <a:extLst>
              <a:ext uri="{FF2B5EF4-FFF2-40B4-BE49-F238E27FC236}">
                <a16:creationId xmlns:a16="http://schemas.microsoft.com/office/drawing/2014/main" id="{D2ACE99F-4BED-43B9-A054-C395F9010533}"/>
              </a:ext>
            </a:extLst>
          </p:cNvPr>
          <p:cNvSpPr/>
          <p:nvPr/>
        </p:nvSpPr>
        <p:spPr>
          <a:xfrm>
            <a:off x="7268440" y="3854158"/>
            <a:ext cx="2896012" cy="914400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Fælles ledermøder</a:t>
            </a:r>
          </a:p>
          <a:p>
            <a:pPr algn="ctr"/>
            <a:r>
              <a:rPr lang="da-DK" dirty="0"/>
              <a:t>kvartalsvis</a:t>
            </a:r>
          </a:p>
        </p:txBody>
      </p:sp>
      <p:sp>
        <p:nvSpPr>
          <p:cNvPr id="15" name="Rektangel 14">
            <a:extLst>
              <a:ext uri="{FF2B5EF4-FFF2-40B4-BE49-F238E27FC236}">
                <a16:creationId xmlns:a16="http://schemas.microsoft.com/office/drawing/2014/main" id="{3FB63A08-5824-472C-9741-FE020CEEABF2}"/>
              </a:ext>
            </a:extLst>
          </p:cNvPr>
          <p:cNvSpPr/>
          <p:nvPr/>
        </p:nvSpPr>
        <p:spPr>
          <a:xfrm>
            <a:off x="5735960" y="5120833"/>
            <a:ext cx="2896012" cy="914400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Fælles medarbejdermøder</a:t>
            </a:r>
          </a:p>
          <a:p>
            <a:pPr algn="ctr"/>
            <a:r>
              <a:rPr lang="da-DK" dirty="0"/>
              <a:t>ugentlig</a:t>
            </a:r>
          </a:p>
        </p:txBody>
      </p:sp>
      <p:sp>
        <p:nvSpPr>
          <p:cNvPr id="16" name="Rektangel 15">
            <a:extLst>
              <a:ext uri="{FF2B5EF4-FFF2-40B4-BE49-F238E27FC236}">
                <a16:creationId xmlns:a16="http://schemas.microsoft.com/office/drawing/2014/main" id="{8F6809B5-18AB-45DA-8FA9-33B23092A576}"/>
              </a:ext>
            </a:extLst>
          </p:cNvPr>
          <p:cNvSpPr/>
          <p:nvPr/>
        </p:nvSpPr>
        <p:spPr>
          <a:xfrm>
            <a:off x="8796300" y="5120833"/>
            <a:ext cx="2736304" cy="914400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Vi ringer, når der er behov</a:t>
            </a:r>
          </a:p>
        </p:txBody>
      </p:sp>
      <p:pic>
        <p:nvPicPr>
          <p:cNvPr id="17" name="Pladsholder til indhold 8">
            <a:extLst>
              <a:ext uri="{FF2B5EF4-FFF2-40B4-BE49-F238E27FC236}">
                <a16:creationId xmlns:a16="http://schemas.microsoft.com/office/drawing/2014/main" id="{6F170B5E-41B2-4544-956D-E23EBA34E04C}"/>
              </a:ext>
            </a:extLst>
          </p:cNvPr>
          <p:cNvPicPr>
            <a:picLocks noGrp="1" noChangeAspect="1"/>
          </p:cNvPicPr>
          <p:nvPr/>
        </p:nvPicPr>
        <p:blipFill>
          <a:blip r:embed="rId4">
            <a:duotone>
              <a:prstClr val="black"/>
              <a:schemeClr val="tx2">
                <a:tint val="45000"/>
                <a:satMod val="400000"/>
              </a:schemeClr>
            </a:duotone>
            <a:extLst>
              <a:ext uri="{BEBA8EAE-BF5A-486C-A8C5-ECC9F3942E4B}">
                <a14:imgProps xmlns:a14="http://schemas.microsoft.com/office/drawing/2010/main">
                  <a14:imgLayer r:embed="rId5">
                    <a14:imgEffect>
                      <a14:colorTemperature colorTemp="5844"/>
                    </a14:imgEffect>
                    <a14:imgEffect>
                      <a14:saturation sat="113000"/>
                    </a14:imgEffect>
                  </a14:imgLayer>
                </a14:imgProps>
              </a:ext>
            </a:extLst>
          </a:blip>
          <a:stretch>
            <a:fillRect/>
          </a:stretch>
        </p:blipFill>
        <p:spPr>
          <a:xfrm>
            <a:off x="1559496" y="1684311"/>
            <a:ext cx="3648489" cy="3795178"/>
          </a:xfrm>
          <a:prstGeom prst="rect">
            <a:avLst/>
          </a:prstGeom>
          <a:effectLst>
            <a:outerShdw blurRad="50800" dist="50800" dir="5400000" algn="ctr" rotWithShape="0">
              <a:srgbClr val="000000"/>
            </a:outerShdw>
          </a:effectLst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A35BA52A-4903-4E3A-8FEF-4AEC9F7A45A7}"/>
              </a:ext>
            </a:extLst>
          </p:cNvPr>
          <p:cNvSpPr/>
          <p:nvPr/>
        </p:nvSpPr>
        <p:spPr>
          <a:xfrm>
            <a:off x="8472264" y="2706933"/>
            <a:ext cx="2952328" cy="914400"/>
          </a:xfrm>
          <a:prstGeom prst="rect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/>
              <a:t>Lokale samordningsudvalgsmøder</a:t>
            </a:r>
          </a:p>
          <a:p>
            <a:pPr algn="ctr"/>
            <a:r>
              <a:rPr lang="da-DK" dirty="0"/>
              <a:t>kvartalsvis</a:t>
            </a:r>
          </a:p>
        </p:txBody>
      </p:sp>
    </p:spTree>
    <p:extLst>
      <p:ext uri="{BB962C8B-B14F-4D97-AF65-F5344CB8AC3E}">
        <p14:creationId xmlns:p14="http://schemas.microsoft.com/office/powerpoint/2010/main" val="362869850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1132C247-0E76-4A90-BFF7-90A6D745FAB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</a:t>
            </a:fld>
            <a:endParaRPr lang="da-DK" dirty="0"/>
          </a:p>
        </p:txBody>
      </p:sp>
      <p:pic>
        <p:nvPicPr>
          <p:cNvPr id="5" name="Pladsholder til indhold 5">
            <a:extLst>
              <a:ext uri="{FF2B5EF4-FFF2-40B4-BE49-F238E27FC236}">
                <a16:creationId xmlns:a16="http://schemas.microsoft.com/office/drawing/2014/main" id="{A5CEFC52-A355-453D-A924-E1B19D2F737E}"/>
              </a:ext>
            </a:extLst>
          </p:cNvPr>
          <p:cNvPicPr>
            <a:picLocks noGrp="1"/>
          </p:cNvPicPr>
          <p:nvPr>
            <p:ph sz="quarter" idx="13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27448" y="1521977"/>
            <a:ext cx="4968552" cy="4176464"/>
          </a:xfrm>
          <a:prstGeom prst="rect">
            <a:avLst/>
          </a:prstGeom>
          <a:noFill/>
        </p:spPr>
      </p:pic>
      <p:pic>
        <p:nvPicPr>
          <p:cNvPr id="6" name="Picture 2" descr="Københavns Kommune – PRO|GRUPPEN">
            <a:extLst>
              <a:ext uri="{FF2B5EF4-FFF2-40B4-BE49-F238E27FC236}">
                <a16:creationId xmlns:a16="http://schemas.microsoft.com/office/drawing/2014/main" id="{4ABCBAAE-9268-4686-BE02-D44D08E8A94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77026" y="30808"/>
            <a:ext cx="2736303" cy="9807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6A4B48DE-6C3C-4A12-8AAA-4C743EC1F4C3}"/>
              </a:ext>
            </a:extLst>
          </p:cNvPr>
          <p:cNvSpPr txBox="1"/>
          <p:nvPr/>
        </p:nvSpPr>
        <p:spPr>
          <a:xfrm>
            <a:off x="6888088" y="2036548"/>
            <a:ext cx="4824536" cy="446449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2800" b="1" dirty="0"/>
              <a:t>Hvad har vi haft fokus på: </a:t>
            </a:r>
          </a:p>
          <a:p>
            <a:endParaRPr lang="da-DK" sz="28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800" b="1" dirty="0"/>
              <a:t>Netværksmød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8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800" b="1" dirty="0"/>
              <a:t>Åben dialog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8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800" b="1" dirty="0"/>
              <a:t>Samarbejde med Outsideren</a:t>
            </a:r>
            <a:endParaRPr lang="da-DK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53178809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0">
            <a:extLst>
              <a:ext uri="{FF2B5EF4-FFF2-40B4-BE49-F238E27FC236}">
                <a16:creationId xmlns:a16="http://schemas.microsoft.com/office/drawing/2014/main" id="{A1DC012D-8EE2-4825-8EE0-13A453B40EE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998" y="604854"/>
            <a:ext cx="5194800" cy="879930"/>
          </a:xfrm>
        </p:spPr>
        <p:txBody>
          <a:bodyPr/>
          <a:lstStyle/>
          <a:p>
            <a:br>
              <a:rPr lang="da-DK" sz="2800" dirty="0"/>
            </a:br>
            <a:br>
              <a:rPr lang="da-DK" sz="2800" dirty="0"/>
            </a:br>
            <a:br>
              <a:rPr lang="da-DK" sz="2800" dirty="0"/>
            </a:br>
            <a:br>
              <a:rPr lang="da-DK" sz="2800" dirty="0"/>
            </a:br>
            <a:r>
              <a:rPr lang="da-DK" sz="2800" dirty="0"/>
              <a:t>Netværksmøder i Huset for Psykisk Sundhed </a:t>
            </a:r>
            <a:br>
              <a:rPr lang="da-DK" dirty="0"/>
            </a:br>
            <a:br>
              <a:rPr lang="da-DK" dirty="0"/>
            </a:br>
            <a:endParaRPr lang="da-DK" dirty="0"/>
          </a:p>
        </p:txBody>
      </p:sp>
      <p:sp>
        <p:nvSpPr>
          <p:cNvPr id="12" name="Content Placeholder 11">
            <a:extLst>
              <a:ext uri="{FF2B5EF4-FFF2-40B4-BE49-F238E27FC236}">
                <a16:creationId xmlns:a16="http://schemas.microsoft.com/office/drawing/2014/main" id="{13392D94-62D6-4E6C-A413-BF4C8F01775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19998" y="2192138"/>
            <a:ext cx="3704002" cy="4061008"/>
          </a:xfrm>
        </p:spPr>
        <p:txBody>
          <a:bodyPr/>
          <a:lstStyle/>
          <a:p>
            <a:r>
              <a:rPr lang="da-DK" sz="1800" dirty="0"/>
              <a:t>Siden 2017 det centrale varemærke for samarbejdet mellem kommune og region</a:t>
            </a:r>
          </a:p>
          <a:p>
            <a:pPr marL="0" indent="0">
              <a:buNone/>
            </a:pPr>
            <a:endParaRPr lang="da-DK" sz="1800" dirty="0"/>
          </a:p>
          <a:p>
            <a:r>
              <a:rPr lang="da-DK" sz="1800" dirty="0"/>
              <a:t>Prioriteret at lave et genkendeligt koncept og frikøb af medarbejder til mødelederfunktion af netværksmøderne. </a:t>
            </a:r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843D582C-15F1-4398-9EA2-65078934D0D2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115340" y="1124745"/>
            <a:ext cx="6356660" cy="5016856"/>
          </a:xfrm>
        </p:spPr>
        <p:txBody>
          <a:bodyPr/>
          <a:lstStyle/>
          <a:p>
            <a:pPr marL="0" indent="0">
              <a:buNone/>
            </a:pPr>
            <a:r>
              <a:rPr lang="da-DK" sz="1800" dirty="0"/>
              <a:t>Borgeren/patienten oplever (succeskriterier)</a:t>
            </a:r>
          </a:p>
          <a:p>
            <a:pPr lvl="0"/>
            <a:r>
              <a:rPr lang="da-DK" sz="1800" dirty="0"/>
              <a:t>bedre sammenhæng og koordinering </a:t>
            </a:r>
          </a:p>
          <a:p>
            <a:pPr lvl="0"/>
            <a:r>
              <a:rPr lang="da-DK" sz="1800" dirty="0"/>
              <a:t>at blive hørt, forstået og inddraget</a:t>
            </a:r>
          </a:p>
          <a:p>
            <a:pPr lvl="0"/>
            <a:r>
              <a:rPr lang="da-DK" sz="1800" dirty="0"/>
              <a:t>at få bedre kontrol over eget liv</a:t>
            </a:r>
          </a:p>
          <a:p>
            <a:pPr marL="0" lvl="0" indent="0">
              <a:buNone/>
            </a:pPr>
            <a:endParaRPr lang="da-DK" sz="1800" dirty="0"/>
          </a:p>
          <a:p>
            <a:pPr marL="0" indent="0">
              <a:buNone/>
            </a:pPr>
            <a:r>
              <a:rPr lang="da-DK" sz="1800" dirty="0"/>
              <a:t>Organisationerne i huset oplever (succeskriterier)</a:t>
            </a:r>
          </a:p>
          <a:p>
            <a:pPr lvl="0"/>
            <a:r>
              <a:rPr lang="da-DK" sz="1800" dirty="0"/>
              <a:t>bedre koordinerede indsatser med fælles retning og bedre resultater</a:t>
            </a:r>
          </a:p>
          <a:p>
            <a:pPr lvl="0"/>
            <a:r>
              <a:rPr lang="da-DK" sz="1800" dirty="0"/>
              <a:t>et tillidsfuldt tværsektorielt rum</a:t>
            </a:r>
          </a:p>
          <a:p>
            <a:pPr marL="0" indent="0">
              <a:buNone/>
            </a:pPr>
            <a:endParaRPr lang="da-DK" sz="1800" dirty="0"/>
          </a:p>
          <a:p>
            <a:pPr marL="0" indent="0">
              <a:buNone/>
            </a:pPr>
            <a:r>
              <a:rPr lang="da-DK" sz="1800" dirty="0"/>
              <a:t>Der afholdes ca. 75 netværksmøder/årligt med deltagelse fra region, SOF og BIF – møderne foregår i HPS, regionale afdelinger, hos borgere m.m.</a:t>
            </a: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8A4C14C-7E08-4D96-A85A-1CC48CDAE69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2995E74-93F1-4D2F-93C7-8EB016B45C6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dirty="0"/>
              <a:t>Sidehoved</a:t>
            </a:r>
          </a:p>
        </p:txBody>
      </p:sp>
    </p:spTree>
    <p:extLst>
      <p:ext uri="{BB962C8B-B14F-4D97-AF65-F5344CB8AC3E}">
        <p14:creationId xmlns:p14="http://schemas.microsoft.com/office/powerpoint/2010/main" val="104851526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>
            <a:extLst>
              <a:ext uri="{FF2B5EF4-FFF2-40B4-BE49-F238E27FC236}">
                <a16:creationId xmlns:a16="http://schemas.microsoft.com/office/drawing/2014/main" id="{CC982982-CE56-449E-BB10-84C79424E4B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998" y="332656"/>
            <a:ext cx="10752002" cy="792088"/>
          </a:xfrm>
        </p:spPr>
        <p:txBody>
          <a:bodyPr/>
          <a:lstStyle/>
          <a:p>
            <a:r>
              <a:rPr lang="da-DK" dirty="0"/>
              <a:t>Åben Dialog projekt mellem Psykiatrienheden og PCK </a:t>
            </a:r>
            <a:br>
              <a:rPr lang="da-DK" dirty="0"/>
            </a:br>
            <a:endParaRPr lang="da-DK" dirty="0"/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CDBF7D66-5FA1-478F-B0E4-7297A03C7FAF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366837" y="1124744"/>
            <a:ext cx="10137776" cy="4360069"/>
          </a:xfrm>
        </p:spPr>
        <p:txBody>
          <a:bodyPr/>
          <a:lstStyle/>
          <a:p>
            <a:pPr marL="0" indent="0">
              <a:buNone/>
            </a:pPr>
            <a:r>
              <a:rPr lang="da-DK" sz="1800" dirty="0"/>
              <a:t>Psykiatrienheden implementer Åben Dialog mødeledelse via midler fra Socialstyrelsen </a:t>
            </a:r>
          </a:p>
          <a:p>
            <a:pPr marL="0" indent="0">
              <a:buNone/>
            </a:pPr>
            <a:endParaRPr lang="da-DK" sz="1800" dirty="0"/>
          </a:p>
          <a:p>
            <a:pPr marL="0" indent="0">
              <a:buNone/>
            </a:pPr>
            <a:r>
              <a:rPr lang="da-DK" sz="1800" dirty="0"/>
              <a:t>Som led heri uddannes og superviseres bl.a. 12 medarbejdere fra FACT, OPUS og sengeafsnit til rolle som reflektant og deltager på åben Dialog netværksmøder</a:t>
            </a:r>
          </a:p>
          <a:p>
            <a:pPr marL="0" indent="0">
              <a:buNone/>
            </a:pPr>
            <a:endParaRPr lang="da-DK" sz="1800" dirty="0"/>
          </a:p>
          <a:p>
            <a:pPr marL="0" indent="0">
              <a:buNone/>
            </a:pPr>
            <a:r>
              <a:rPr lang="da-DK" sz="1800" dirty="0"/>
              <a:t>Det centrale ved Åben Dialog er, at den sygdomsramtes sociale netværk inddrages aktivt gennem Åben Dialogmøder, som kan have skiftende deltagere. </a:t>
            </a:r>
          </a:p>
          <a:p>
            <a:pPr marL="0" indent="0">
              <a:buNone/>
            </a:pPr>
            <a:r>
              <a:rPr lang="da-DK" sz="1800" dirty="0"/>
              <a:t>Der er stærk facilitering af netværksmødet for at give patienter og samarbejdspartnere tale- og refleksionstid og dermed mulighed for sammen at koordinere hvordan den mest relevante hjælp iværksættes.</a:t>
            </a:r>
          </a:p>
          <a:p>
            <a:pPr marL="0" indent="0">
              <a:buNone/>
            </a:pPr>
            <a:endParaRPr lang="da-DK" sz="1800" dirty="0"/>
          </a:p>
          <a:p>
            <a:pPr marL="0" indent="0">
              <a:buNone/>
            </a:pPr>
            <a:r>
              <a:rPr lang="da-DK" sz="1800" dirty="0"/>
              <a:t>Projektet varer til medio 2021. I Danmark er der gennem de seneste årtier gjort flere tiltag til at anvende Åben Dialog, herunder i Region Midtjylland og Region Syd med gode resultater for varig trivsel.</a:t>
            </a:r>
          </a:p>
          <a:p>
            <a:endParaRPr lang="da-DK" dirty="0"/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8BDC3292-AB59-4085-A68A-50C6AF86CF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noProof="0"/>
              <a:t>Sidehoved</a:t>
            </a:r>
            <a:endParaRPr lang="da-DK" noProof="0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2E5F2395-9A24-4301-B585-F16BC5172A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da-DK" noProof="0" smtClean="0"/>
              <a:t>6</a:t>
            </a:fld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104458811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A1A728B-109C-45E9-8E2A-44DE79AC6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9998" y="490327"/>
            <a:ext cx="5194800" cy="850441"/>
          </a:xfrm>
        </p:spPr>
        <p:txBody>
          <a:bodyPr/>
          <a:lstStyle/>
          <a:p>
            <a:r>
              <a:rPr lang="da-DK" dirty="0" err="1"/>
              <a:t>Getting</a:t>
            </a:r>
            <a:r>
              <a:rPr lang="da-DK" dirty="0"/>
              <a:t> Back – nye skridt i hverdagslivet</a:t>
            </a:r>
            <a:br>
              <a:rPr lang="da-DK" dirty="0"/>
            </a:br>
            <a:r>
              <a:rPr lang="da-DK" sz="1600" dirty="0"/>
              <a:t>Partnerskabsprojekt mellem Foreningen Outsideren og HPS</a:t>
            </a:r>
            <a:br>
              <a:rPr lang="da-DK" sz="1600" dirty="0"/>
            </a:br>
            <a:endParaRPr lang="da-DK" sz="1600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B11E39B-AC50-4678-A181-19BC99DB8D1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19997" y="3284984"/>
            <a:ext cx="5196199" cy="2853015"/>
          </a:xfrm>
        </p:spPr>
        <p:txBody>
          <a:bodyPr/>
          <a:lstStyle/>
          <a:p>
            <a:pPr marL="0" indent="0">
              <a:buNone/>
            </a:pPr>
            <a:r>
              <a:rPr lang="da-DK" sz="1800" b="1" dirty="0"/>
              <a:t>Formålet med projektet er:</a:t>
            </a:r>
          </a:p>
          <a:p>
            <a:pPr lvl="0"/>
            <a:r>
              <a:rPr lang="da-DK" sz="1800" dirty="0"/>
              <a:t>øge handlekraft og fremme personlig </a:t>
            </a:r>
            <a:r>
              <a:rPr lang="da-DK" sz="1800" dirty="0" err="1"/>
              <a:t>recovery</a:t>
            </a:r>
            <a:endParaRPr lang="da-DK" sz="1800" dirty="0"/>
          </a:p>
          <a:p>
            <a:pPr lvl="0"/>
            <a:r>
              <a:rPr lang="da-DK" sz="1800" dirty="0"/>
              <a:t>reducere ensomhed og skabe netværk</a:t>
            </a:r>
          </a:p>
          <a:p>
            <a:pPr lvl="0"/>
            <a:r>
              <a:rPr lang="da-DK" sz="1800" dirty="0"/>
              <a:t>fremme en positiv identitetsfølelse og skabe mening i tilværelsen </a:t>
            </a:r>
          </a:p>
          <a:p>
            <a:pPr lvl="0"/>
            <a:r>
              <a:rPr lang="da-DK" sz="1800" dirty="0"/>
              <a:t>styrke samspillet mellem bruger og indsats</a:t>
            </a:r>
          </a:p>
          <a:p>
            <a:pPr marL="0" indent="0">
              <a:buNone/>
            </a:pPr>
            <a:endParaRPr lang="da-DK" sz="1800" dirty="0"/>
          </a:p>
        </p:txBody>
      </p:sp>
      <p:sp>
        <p:nvSpPr>
          <p:cNvPr id="6" name="Pladsholder til indhold 5">
            <a:extLst>
              <a:ext uri="{FF2B5EF4-FFF2-40B4-BE49-F238E27FC236}">
                <a16:creationId xmlns:a16="http://schemas.microsoft.com/office/drawing/2014/main" id="{960F3C95-199B-4FAC-AFD5-0F14C23C81BD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6275800" y="1988840"/>
            <a:ext cx="5196200" cy="4152759"/>
          </a:xfrm>
        </p:spPr>
        <p:txBody>
          <a:bodyPr/>
          <a:lstStyle/>
          <a:p>
            <a:pPr marL="0" indent="0">
              <a:buNone/>
            </a:pPr>
            <a:endParaRPr lang="da-DK" sz="1800" dirty="0"/>
          </a:p>
          <a:p>
            <a:pPr marL="0" indent="0">
              <a:buNone/>
            </a:pPr>
            <a:endParaRPr lang="da-DK" sz="1800" dirty="0"/>
          </a:p>
          <a:p>
            <a:pPr marL="0" indent="0">
              <a:buNone/>
            </a:pPr>
            <a:endParaRPr lang="da-DK" sz="1800" dirty="0"/>
          </a:p>
          <a:p>
            <a:pPr marL="0" indent="0">
              <a:buNone/>
            </a:pPr>
            <a:r>
              <a:rPr lang="da-DK" sz="1800" b="1" dirty="0"/>
              <a:t>Organisatorisk formål er:</a:t>
            </a:r>
          </a:p>
          <a:p>
            <a:pPr lvl="0"/>
            <a:r>
              <a:rPr lang="da-DK" sz="1800" dirty="0"/>
              <a:t>skabe brobyggende mødesteder, der giver adgang til et netværk og deltagelse i Foreningen Outsideren</a:t>
            </a:r>
          </a:p>
          <a:p>
            <a:pPr lvl="0"/>
            <a:r>
              <a:rPr lang="da-DK" sz="1800" dirty="0"/>
              <a:t>øge forståelsen for brugerperspektivet i Huset for Psykisk Sundhed og skabe en kulturændring i forhold til inddragelse af brugere og pårørende</a:t>
            </a:r>
          </a:p>
          <a:p>
            <a:r>
              <a:rPr lang="da-DK" sz="1800" dirty="0"/>
              <a:t>projektperioden udløber i april 2022</a:t>
            </a:r>
          </a:p>
          <a:p>
            <a:endParaRPr lang="da-DK" dirty="0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91646D16-6572-448B-95FC-182C28835A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da-DK" noProof="0" smtClean="0"/>
              <a:t>7</a:t>
            </a:fld>
            <a:endParaRPr lang="da-DK" noProof="0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82A8EFD3-4E8C-42EA-8057-D4E04A7370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 noProof="0"/>
              <a:t>Sidehoved</a:t>
            </a:r>
            <a:endParaRPr lang="da-DK" noProof="0" dirty="0"/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70EDFD8B-4D9E-4348-9544-2BC85E23F473}"/>
              </a:ext>
            </a:extLst>
          </p:cNvPr>
          <p:cNvSpPr/>
          <p:nvPr/>
        </p:nvSpPr>
        <p:spPr>
          <a:xfrm>
            <a:off x="623392" y="1340768"/>
            <a:ext cx="5105876" cy="1512169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da-DK" sz="1600" dirty="0">
                <a:solidFill>
                  <a:srgbClr val="009CE8"/>
                </a:solidFill>
              </a:rPr>
              <a:t>Outsideren er i  HPS to gange om ugen og skaber brobyggende mødesteder for borgere og patienter, så de får adgang til netværk og aktiviteter, hvori brugerne kan styrke deres </a:t>
            </a:r>
            <a:r>
              <a:rPr lang="da-DK" sz="1600" dirty="0" err="1">
                <a:solidFill>
                  <a:srgbClr val="009CE8"/>
                </a:solidFill>
              </a:rPr>
              <a:t>recovery</a:t>
            </a:r>
            <a:r>
              <a:rPr lang="da-DK" sz="1600" dirty="0">
                <a:solidFill>
                  <a:srgbClr val="009CE8"/>
                </a:solidFill>
              </a:rPr>
              <a:t> og samspillet med de indsatser de modtager.</a:t>
            </a:r>
          </a:p>
          <a:p>
            <a:pPr algn="ctr"/>
            <a:endParaRPr lang="da-DK" sz="1600" noProof="0" dirty="0" err="1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52F511EC-D3CE-4C71-AD7C-22CE47B19682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29757" t="10299" r="27128" b="4200"/>
          <a:stretch/>
        </p:blipFill>
        <p:spPr>
          <a:xfrm>
            <a:off x="8861904" y="188640"/>
            <a:ext cx="2989294" cy="3334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356870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F195DE6D-23DB-47D4-AD93-5690CE3BE1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8</a:t>
            </a:fld>
            <a:endParaRPr lang="da-DK" dirty="0"/>
          </a:p>
        </p:txBody>
      </p:sp>
      <p:pic>
        <p:nvPicPr>
          <p:cNvPr id="5" name="Pladsholder til indhold 4" descr="Et billede, der indeholder pil, missil, mølle, blomst&#10;&#10;Automatisk genereret beskrivelse">
            <a:extLst>
              <a:ext uri="{FF2B5EF4-FFF2-40B4-BE49-F238E27FC236}">
                <a16:creationId xmlns:a16="http://schemas.microsoft.com/office/drawing/2014/main" id="{86149725-468D-4332-96CC-1EC1364F62E0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0833" y="2204864"/>
            <a:ext cx="5407215" cy="3240360"/>
          </a:xfrm>
          <a:prstGeom prst="rect">
            <a:avLst/>
          </a:prstGeom>
        </p:spPr>
      </p:pic>
      <p:pic>
        <p:nvPicPr>
          <p:cNvPr id="6" name="Picture 2" descr="Københavns Kommune – PRO|GRUPPEN">
            <a:extLst>
              <a:ext uri="{FF2B5EF4-FFF2-40B4-BE49-F238E27FC236}">
                <a16:creationId xmlns:a16="http://schemas.microsoft.com/office/drawing/2014/main" id="{E1D67009-F195-4BEA-ADAD-AEE51C124DB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77026" y="30808"/>
            <a:ext cx="2736303" cy="9807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CDD9F900-D228-41EA-A8A6-4EEF9A88F211}"/>
              </a:ext>
            </a:extLst>
          </p:cNvPr>
          <p:cNvSpPr txBox="1"/>
          <p:nvPr/>
        </p:nvSpPr>
        <p:spPr>
          <a:xfrm>
            <a:off x="7248128" y="2204864"/>
            <a:ext cx="4392488" cy="32403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b="1" dirty="0"/>
              <a:t>Fremskudte indsatser</a:t>
            </a:r>
          </a:p>
          <a:p>
            <a:pPr marL="800100" lvl="1" indent="-342900">
              <a:buFontTx/>
              <a:buChar char="-"/>
            </a:pPr>
            <a:r>
              <a:rPr lang="da-DK" b="1" dirty="0"/>
              <a:t>Behandling flytter ud</a:t>
            </a:r>
          </a:p>
          <a:p>
            <a:pPr marL="800100" lvl="1" indent="-342900">
              <a:buFontTx/>
              <a:buChar char="-"/>
            </a:pPr>
            <a:r>
              <a:rPr lang="da-DK" b="1" dirty="0"/>
              <a:t>Sagsbehandling flytter ind</a:t>
            </a:r>
          </a:p>
          <a:p>
            <a:pPr lvl="1"/>
            <a:endParaRPr lang="da-DK" b="1" dirty="0"/>
          </a:p>
          <a:p>
            <a:pPr marL="285750" lvl="0" indent="-285750">
              <a:buFont typeface="Arial" panose="020B0604020202020204" pitchFamily="34" charset="0"/>
              <a:buChar char="•"/>
            </a:pPr>
            <a:r>
              <a:rPr lang="da-DK" b="1" dirty="0">
                <a:solidFill>
                  <a:srgbClr val="333333"/>
                </a:solidFill>
              </a:rPr>
              <a:t>Botilbudsteam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endParaRPr lang="da-DK" b="1" dirty="0">
              <a:solidFill>
                <a:srgbClr val="333333"/>
              </a:solidFill>
            </a:endParaRP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da-DK" b="1" dirty="0">
                <a:solidFill>
                  <a:srgbClr val="333333"/>
                </a:solidFill>
              </a:rPr>
              <a:t>Model udviklet af København og Psykiatrisk Center Amager</a:t>
            </a:r>
          </a:p>
          <a:p>
            <a:pPr marL="285750" lvl="0" indent="-285750">
              <a:buFont typeface="Arial" panose="020B0604020202020204" pitchFamily="34" charset="0"/>
              <a:buChar char="•"/>
            </a:pPr>
            <a:endParaRPr lang="da-DK" b="1" dirty="0">
              <a:solidFill>
                <a:srgbClr val="333333"/>
              </a:solidFill>
            </a:endParaRP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da-DK" b="1" dirty="0">
                <a:solidFill>
                  <a:srgbClr val="333333"/>
                </a:solidFill>
              </a:rPr>
              <a:t>Udbredes nu til hele København (og hele regionen)</a:t>
            </a:r>
          </a:p>
          <a:p>
            <a:endParaRPr lang="da-DK" dirty="0"/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837C13B4-C557-4B72-BB9C-1510E5BA34C2}"/>
              </a:ext>
            </a:extLst>
          </p:cNvPr>
          <p:cNvSpPr txBox="1"/>
          <p:nvPr/>
        </p:nvSpPr>
        <p:spPr>
          <a:xfrm>
            <a:off x="1120833" y="1248160"/>
            <a:ext cx="10539973" cy="7200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2800" b="1" dirty="0"/>
              <a:t>Fælles indsatser  - næste skridt</a:t>
            </a:r>
          </a:p>
        </p:txBody>
      </p:sp>
    </p:spTree>
    <p:extLst>
      <p:ext uri="{BB962C8B-B14F-4D97-AF65-F5344CB8AC3E}">
        <p14:creationId xmlns:p14="http://schemas.microsoft.com/office/powerpoint/2010/main" val="59512225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ladsholder til indhold 13">
            <a:extLst>
              <a:ext uri="{FF2B5EF4-FFF2-40B4-BE49-F238E27FC236}">
                <a16:creationId xmlns:a16="http://schemas.microsoft.com/office/drawing/2014/main" id="{E275C0E3-13EB-4A2A-B400-3A69AC1D92AF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a-DK" sz="2000" b="1" dirty="0"/>
              <a:t>Patienter med misbrug</a:t>
            </a:r>
          </a:p>
          <a:p>
            <a:r>
              <a:rPr lang="da-DK" sz="2000" b="1" dirty="0"/>
              <a:t>Forebyggelse af tvang – et fælles ansvar</a:t>
            </a:r>
          </a:p>
          <a:p>
            <a:pPr lvl="1"/>
            <a:r>
              <a:rPr lang="da-DK" sz="2000" b="1" dirty="0"/>
              <a:t>Via netværksmøder og fælles planer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D9DD3E80-F578-4B89-A962-C151AD86568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9</a:t>
            </a:fld>
            <a:endParaRPr lang="da-DK" dirty="0"/>
          </a:p>
        </p:txBody>
      </p:sp>
      <p:pic>
        <p:nvPicPr>
          <p:cNvPr id="6" name="Picture 2" descr="Københavns Kommune – PRO|GRUPPEN">
            <a:extLst>
              <a:ext uri="{FF2B5EF4-FFF2-40B4-BE49-F238E27FC236}">
                <a16:creationId xmlns:a16="http://schemas.microsoft.com/office/drawing/2014/main" id="{49824C37-4E08-4B76-B9AD-37252499425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77026" y="30808"/>
            <a:ext cx="2736303" cy="9807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7" name="Tekstfelt 6">
            <a:extLst>
              <a:ext uri="{FF2B5EF4-FFF2-40B4-BE49-F238E27FC236}">
                <a16:creationId xmlns:a16="http://schemas.microsoft.com/office/drawing/2014/main" id="{5B14AA25-5C7D-45C7-BA57-6B851D704662}"/>
              </a:ext>
            </a:extLst>
          </p:cNvPr>
          <p:cNvSpPr txBox="1"/>
          <p:nvPr/>
        </p:nvSpPr>
        <p:spPr>
          <a:xfrm>
            <a:off x="6672064" y="2348880"/>
            <a:ext cx="5040560" cy="360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285750" indent="-285750">
              <a:buFont typeface="Arial" panose="020B0604020202020204" pitchFamily="34" charset="0"/>
              <a:buChar char="•"/>
            </a:pPr>
            <a:endParaRPr lang="da-DK" sz="2800" b="1" dirty="0"/>
          </a:p>
          <a:p>
            <a:pPr marL="285750" indent="-285750">
              <a:buFont typeface="Arial" panose="020B0604020202020204" pitchFamily="34" charset="0"/>
              <a:buChar char="•"/>
            </a:pPr>
            <a:endParaRPr lang="da-DK" sz="2800" b="1" dirty="0"/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99FB783F-302D-43C8-A102-9B98A88C301F}"/>
              </a:ext>
            </a:extLst>
          </p:cNvPr>
          <p:cNvSpPr txBox="1"/>
          <p:nvPr/>
        </p:nvSpPr>
        <p:spPr>
          <a:xfrm>
            <a:off x="1271463" y="1412776"/>
            <a:ext cx="10233149" cy="6480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2800" b="1" dirty="0"/>
              <a:t>Næste skridt i samarbejdet</a:t>
            </a:r>
          </a:p>
        </p:txBody>
      </p:sp>
      <p:pic>
        <p:nvPicPr>
          <p:cNvPr id="11" name="Pladsholder til indhold 4">
            <a:extLst>
              <a:ext uri="{FF2B5EF4-FFF2-40B4-BE49-F238E27FC236}">
                <a16:creationId xmlns:a16="http://schemas.microsoft.com/office/drawing/2014/main" id="{7986FE70-100E-443A-AEC7-ABB17B3F347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271464" y="2060848"/>
            <a:ext cx="4824536" cy="3600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4011829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2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Grøn">
      <a:dk1>
        <a:srgbClr val="333333"/>
      </a:dk1>
      <a:lt1>
        <a:srgbClr val="FFFFFF"/>
      </a:lt1>
      <a:dk2>
        <a:srgbClr val="575757"/>
      </a:dk2>
      <a:lt2>
        <a:srgbClr val="E0F2CF"/>
      </a:lt2>
      <a:accent1>
        <a:srgbClr val="C2E69F"/>
      </a:accent1>
      <a:accent2>
        <a:srgbClr val="333333"/>
      </a:accent2>
      <a:accent3>
        <a:srgbClr val="94D257"/>
      </a:accent3>
      <a:accent4>
        <a:srgbClr val="666666"/>
      </a:accent4>
      <a:accent5>
        <a:srgbClr val="75C627"/>
      </a:accent5>
      <a:accent6>
        <a:srgbClr val="999999"/>
      </a:accent6>
      <a:hlink>
        <a:srgbClr val="0086CC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d161f2f0-3418-4f3d-8017-4a35a3e71806","elementConfiguration":{"inheritDimensions":"inheritNone","width":"1.9 cm","height":"1.9 cm","disableUpdates":false,"type":"image"}},{"type":"shape","id":"2ab9e567-c84b-48d6-a5ab-47a5bb1a036d","elementConfiguration":{"binding":"UserProfile.Office.Virksomhed_{{DocumentLanguage}}","disableUpdates":false,"type":"text"}},{"type":"shape","id":"5d74ffaa-168c-4f40-8017-f7a5ce3d1d65","elementConfiguration":{"binding":"UserProfile.CenterFreeText","visibility":{"action":"hide","binding":"UserProfile.Centers.CenterUI","operator":"notEquals","compareValue":"Intet valgt"},"disableUpdates":false,"type":"text"}},{"type":"shape","id":"72c5f545-0f1a-4f6d-b059-593d4d35b655","elementConfiguration":{"binding":"UserProfile.Centers.Center_{{DocumentLanguage}}","visibility":{"action":"hide","binding":"UserProfile.Centers.CenterUI","operator":"equals","compareValue":"Intet valgt"},"disableUpdates":false,"type":"text"}},{"type":"shape","id":"35e052d4-af42-49d6-bf87-085fa86d2ad4","elementConfiguration":{"binding":"Form.PresentationTitle","disableUpdates":false,"type":"text"}},{"type":"shape","id":"05e7522f-90cf-40b4-b89e-bffe2ad1c7be","elementConfiguration":{"inheritDimensions":"inheritNone","width":"1.9 cm","height":"1.9 cm","binding":"UserProfile.Office.LogoColor_DCU","disableUpdates":false,"type":"image"}},{"type":"shape","id":"cecbd581-3866-4267-814f-793569d6b2da","elementConfiguration":{"inheritDimensions":"inheritNone","width":"3.68 cm","height":"1.17 cm","binding":"UserProfile.EkstraLogo.ExtraLogoPPNEGDCU_{{DocumentLanguage}}","disableUpdates":false,"type":"image"}},{"type":"shape","id":"7b982489-7429-472e-9cbb-878c707c5986","elementConfiguration":{"inheritDimensions":"inheritNone","width":"2.42 cm","height":"2.5 cm","binding":"UserProfile.EkstraLogo.ExtraLogoFive_PP_DCU_{{DocumentLanguage}}","disableUpdates":false,"type":"image"}},{"type":"shape","id":"9d06e87d-67a2-4f29-8831-3e6003c3d15c","elementConfiguration":{"inheritDimensions":"inheritNone","width":"2.42 cm","height":"2.5 cm","binding":"UserProfile.EkstraLogo.ExtraLogoTwo_PP_DCU_{{DocumentLanguage}}","disableUpdates":false,"type":"image"}},{"type":"shape","id":"4e3cf98c-c754-43c8-8a25-832212fe0627","elementConfiguration":{"binding":"UserProfile.Name","visibility":{"action":"hide","binding":"Form.Manuel_dato","operator":"notEquals","compareValue":""},"disableUpdates":false,"type":"text"}},{"type":"shape","id":"f81fce9b-e3a9-4bf0-a8f4-0340695ee548","elementConfiguration":{"binding":"Form.Manuel_dato","visibility":{"action":"hide","operator":"equals","compareValue":""},"disableUpdates":false,"type":"text"}},{"type":"shape","id":"e120889a-2330-4980-84cb-29f72b528162","elementConfiguration":{"inheritDimensions":"inheritNone","width":"6.05 cm","height":"1.9 cm","binding":"UserProfile.EkstraLogo.ExtraLogoSix_PP_DCU_{{DocumentLanguage}}","disableUpdates":false,"type":"image"}},{"type":"shape","id":"9e059056-3ac8-4c09-b67d-56831cc3fbcf","elementConfiguration":{"inheritDimensions":"inheritWidth","width":"1.91 cm","binding":"UserProfile.Office.LogoH_PP_DCU","disableUpdates":false,"type":"image"}},{"type":"shape","id":"bb06b377-4b94-4632-b99b-2767ac903c79","elementConfiguration":{"binding":"UserProfile.Office.Virksomhed_{{DocumentLanguage}}","disableUpdates":false,"type":"text"}},{"type":"shape","id":"90f34e01-0856-4eea-86e8-961f054a02ed","elementConfiguration":{"binding":"UserProfile.CenterFreeText","visibility":{"action":"hide","binding":"UserProfile.Centers.CenterUI","operator":"notEquals","compareValue":"Intet valgt"},"disableUpdates":false,"type":"text"}},{"type":"shape","id":"2b1b12ea-8b3d-4990-bee0-ab8891861263","elementConfiguration":{"binding":"UserProfile.Centers.Center_{{DocumentLanguage}}","visibility":{"action":"hide","binding":"UserProfile.Centers.CenterUI","operator":"equals","compareValue":"Intet valgt"},"disableUpdates":false,"type":"text"}},{"type":"shape","id":"968f91d9-5628-45f0-a66d-5eabbfae892e","elementConfiguration":{"binding":"Form.PresentationTitle","disableUpdates":false,"type":"text"}},{"type":"shape","id":"52d423b5-8186-4d91-aacd-62189ca6fea0","elementConfiguration":{"inheritDimensions":"inheritNone","width":"2.42 cm","height":"2.5 cm","binding":"UserProfile.EkstraLogo.ExtraLogoFive_PP_DCU_{{DocumentLanguage}}","disableUpdates":false,"type":"image"}},{"type":"shape","id":"97b48ee1-5168-4f72-9616-edab769722f4","elementConfiguration":{"inheritDimensions":"inheritNone","width":"2.42 cm","height":"2.5 cm","binding":"UserProfile.EkstraLogo.ExtraLogoTwo_PP_DCU_{{DocumentLanguage}}","disableUpdates":false,"type":"image"}},{"type":"shape","id":"35b3c00d-9a7b-4826-9eb9-337f707fa6a9","elementConfiguration":{"binding":"UserProfile.Name","visibility":{"action":"hide","binding":"Form.Manuel_dato","operator":"notEquals","compareValue":""},"disableUpdates":false,"type":"text"}},{"type":"shape","id":"1f9bfd43-acf8-4160-ab8c-12571124a94b","elementConfiguration":{"binding":"Form.Manuel_dato","visibility":{"action":"hide","operator":"equals","compareValue":""},"disableUpdates":false,"type":"text"}},{"type":"shape","id":"f71e2ca9-9d32-41f0-841d-3bbc6b170532","elementConfiguration":{"inheritDimensions":"inheritNone","width":"1.9 cm","height":"19.05 cm","binding":"UserProfile.Office.LogoColor_DCU","disableUpdates":false,"type":"image"}},{"type":"shape","id":"5fc98709-f705-4764-9c80-9cb5aec846b4","elementConfiguration":{"inheritDimensions":"inheritNone","width":"3.68 cm","height":"1.17 cm","binding":"UserProfile.EkstraLogo.ExtraLogoPPNEGDCU_{{DocumentLanguage}}","disableUpdates":false,"type":"image"}},{"type":"shape","id":"4c29b08a-e6b8-4a83-aaeb-c8362431e9ca","elementConfiguration":{"inheritDimensions":"inheritNone","width":"6.05 cm","height":"1.9 cm","binding":"UserProfile.EkstraLogo.ExtraLogoSix_PP_DCU_{{DocumentLanguage}}","disableUpdates":false,"type":"image"}},{"type":"shape","id":"1e18b1a3-9838-44c6-b891-c90596c7a9f1","elementConfiguration":{"inheritDimensions":"inheritWidth","width":"1.91 cm","binding":"UserProfile.Office.LogoH_PP_DCU","disableUpdates":false,"type":"image"}},{"type":"shape","id":"ac22f3a9-6e79-417f-aa44-4f01561b2fb1","elementConfiguration":{"binding":"UserProfile.Office.Virksomhed_{{DocumentLanguage}}","disableUpdates":false,"type":"text"}},{"type":"shape","id":"d7b913e4-e905-4f44-94fc-aae564098ba8","elementConfiguration":{"binding":"UserProfile.CenterFreeText","visibility":{"action":"hide","binding":"UserProfile.Centers.CenterUI","operator":"notEquals","compareValue":"Intet valgt"},"disableUpdates":false,"type":"text"}},{"type":"shape","id":"93ef8a84-052a-4002-ad83-70845494cbbe","elementConfiguration":{"binding":"UserProfile.Centers.Center_{{DocumentLanguage}}","visibility":{"action":"hide","binding":"UserProfile.Centers.CenterUI","operator":"equals","compareValue":"Intet valgt"},"disableUpdates":false,"type":"text"}},{"type":"shape","id":"6ad3e26c-0cd6-4317-8f28-e5dc810b5697","elementConfiguration":{"binding":"Form.PresentationTitle","disableUpdates":false,"type":"text"}},{"type":"shape","id":"5863f84e-bee3-47fe-abef-dbfe2cf18ce1","elementConfiguration":{"inheritDimensions":"inheritNone","width":"1.9 cm","height":"1.9 cm","binding":"UserProfile.Office.LogoColor_DCU","disableUpdates":false,"type":"image"}},{"type":"shape","id":"a85ec22a-fee9-402a-a2f4-eddeae4bd5e7","elementConfiguration":{"inheritDimensions":"inheritNone","width":"3.68 cm","height":"1.17 cm","binding":"UserProfile.EkstraLogo.ExtraLogoPPNEGDCU_{{DocumentLanguage}}","disableUpdates":false,"type":"image"}},{"type":"shape","id":"3cdbe71e-e649-4c3f-96b5-5e869621375c","elementConfiguration":{"inheritDimensions":"inheritNone","width":"2.42 cm","height":"2.5 cm","binding":"UserProfile.EkstraLogo.ExtraLogoFive_PP_DCU_{{DocumentLanguage}}","disableUpdates":false,"type":"image"}},{"type":"shape","id":"d5c69f5a-f8e6-472e-bacd-d514447f7449","elementConfiguration":{"inheritDimensions":"inheritNone","width":"2.42 cm","height":"2.5 cm","binding":"UserProfile.EkstraLogo.ExtraLogoTwo_PP_DCU_{{DocumentLanguage}}","disableUpdates":false,"type":"image"}},{"type":"shape","id":"f1acca58-43e8-43c5-a993-6642d2a05de5","elementConfiguration":{"binding":"UserProfile.Name","visibility":{"action":"hide","binding":"Form.Manuel_dato","operator":"notEquals","compareValue":""},"disableUpdates":false,"type":"text"}},{"type":"shape","id":"38ade8bc-0805-4689-864c-cddd96235207","elementConfiguration":{"binding":"Form.Manuel_dato","visibility":{"action":"hide","operator":"equals","compareValue":""},"disableUpdates":false,"type":"text"}},{"type":"shape","id":"b1a16033-6666-4faa-b7aa-d6fe87b4dfa9","elementConfiguration":{"inheritDimensions":"inheritNone","width":"6.05 cm","height":"1.9 cm","binding":"UserProfile.EkstraLogo.ExtraLogoSix_PP_DCU_{{DocumentLanguage}}","disableUpdates":false,"type":"image"}},{"type":"shape","id":"27ace416-ee50-46ae-8ff4-f5d90910980a","elementConfiguration":{"inheritDimensions":"inheritWidth","width":"1.91 cm","binding":"UserProfile.Office.LogoH_PP_DCU","disableUpdates":false,"type":"image"}},{"type":"shape","id":"356dc45f-4af5-4e55-9d57-c87e418f117c","elementConfiguration":{"binding":"UserProfile.Office.Virksomhed_{{DocumentLanguage}}","disableUpdates":false,"type":"text"}},{"type":"shape","id":"e93b61de-2a5c-41fd-925f-c9e3bc520bed","elementConfiguration":{"binding":"UserProfile.CenterFreeText","visibility":{"action":"hide","binding":"UserProfile.Centers.CenterUI","operator":"notEquals","compareValue":"Intet valgt"},"disableUpdates":false,"type":"text"}},{"type":"shape","id":"0975ccac-a10c-4d74-bc8a-c4c3d509842b","elementConfiguration":{"binding":"UserProfile.Centers.Center_{{DocumentLanguage}}","visibility":{"action":"hide","binding":"UserProfile.Centers.CenterUI","operator":"equals","compareValue":"Intet valgt"},"disableUpdates":false,"type":"text"}},{"type":"shape","id":"8feb3c92-0f25-4cda-97d1-c7731e43bf85","elementConfiguration":{"binding":"Form.PresentationTitle","disableUpdates":false,"type":"text"}},{"type":"shape","id":"0de8728c-a272-4f36-b2e5-e57fd42a2207","elementConfiguration":{"inheritDimensions":"inheritNone","width":"1.9 cm","height":"1.9 cm","binding":"UserProfile.Office.LogoColor_DCU","disableUpdates":false,"type":"image"}},{"type":"shape","id":"0d6f94c5-c9c5-4c77-8bee-f977a933e2c3","elementConfiguration":{"inheritDimensions":"inheritNone","width":"3.68 cm","height":"1.17 cm","binding":"UserProfile.EkstraLogo.ExtraLogoPPNEGDCU_{{DocumentLanguage}}","disableUpdates":false,"type":"image"}},{"type":"shape","id":"54ecfb3e-d17c-48df-905d-e40a718d3b2c","elementConfiguration":{"inheritDimensions":"inheritNone","width":"2.42 cm","height":"2.5 cm","binding":"UserProfile.EkstraLogo.ExtraLogoFive_PP_DCU_{{DocumentLanguage}}","disableUpdates":false,"type":"image"}},{"type":"shape","id":"ee7656ee-ea9f-40af-a7b7-d21d17a47ac9","elementConfiguration":{"inheritDimensions":"inheritNone","width":"2.42 cm","height":"2.5 cm","binding":"UserProfile.EkstraLogo.ExtraLogoTwo_PP_DCU_{{DocumentLanguage}}","disableUpdates":false,"type":"image"}},{"type":"shape","id":"d16ec37c-92e3-41e6-9961-b46cdfda6c43","elementConfiguration":{"binding":"UserProfile.Name","visibility":{"action":"hide","binding":"Form.Manuel_dato","operator":"notEquals","compareValue":""},"disableUpdates":false,"type":"text"}},{"type":"shape","id":"2ef101b7-6152-45f1-a8b6-0b8009a00092","elementConfiguration":{"binding":"Form.Manuel_dato","visibility":{"action":"hide","operator":"equals","compareValue":""},"disableUpdates":false,"type":"text"}},{"type":"shape","id":"d9089815-bacb-4720-a472-02285404db17","elementConfiguration":{"inheritDimensions":"inheritNone","width":"6.05 cm","height":"1.9 cm","binding":"UserProfile.EkstraLogo.ExtraLogoSix_PP_DCU_{{DocumentLanguage}}","disableUpdates":false,"type":"image"}},{"type":"shape","id":"58862389-0ca8-4d46-98fb-4d206f9c2793","elementConfiguration":{"inheritDimensions":"inheritWidth","width":"1.91 cm","binding":"UserProfile.Office.LogoH_PP_DCU","disableUpdates":false,"type":"image"}},{"type":"shape","id":"f20b00d5-b6a6-4050-b514-69e6d42cf6b6","elementConfiguration":{"inheritDimensions":"inheritNone","width":"3.68 cm","height":"1.17 cm","binding":"UserProfile.EkstraLogo.ExtraLogoPPDCU_{{DocumentLanguage}}","disableUpdates":false,"type":"image"}},{"type":"shape","id":"90f178fe-3ff6-43a6-a653-1b5eba064769","elementConfiguration":{"binding":"UserProfile.Office.Virksomhed_{{DocumentLanguage}}","disableUpdates":false,"type":"text"}},{"type":"shape","id":"ad9248e4-d403-41ca-8a1c-0e62b0d83af4","elementConfiguration":{"binding":"UserProfile.CenterFreeText","visibility":{"action":"hide","binding":"UserProfile.Centers.CenterUI","operator":"notEquals","compareValue":"Intet valgt"},"disableUpdates":false,"type":"text"}},{"type":"shape","id":"c06ab79f-323e-43c4-92fb-4e99a59257b3","elementConfiguration":{"binding":"UserProfile.Centers.Center_{{DocumentLanguage}}","visibility":{"action":"hide","binding":"UserProfile.Centers.CenterUI","operator":"equals","compareValue":"Intet valgt"},"disableUpdates":false,"type":"text"}},{"type":"shape","id":"110bb88c-73a7-40ab-ad51-04fa91661618","elementConfiguration":{"binding":"Form.PresentationTitle","disableUpdates":false,"type":"text"}},{"type":"shape","id":"3c317873-605e-4a87-9c2e-b5a82b0645e3","elementConfiguration":{"inheritDimensions":"inheritNone","width":"2.42 cm","height":"2.5 cm","binding":"UserProfile.EkstraLogo.ExtraLogoFive_PP_DCU_{{DocumentLanguage}}","disableUpdates":false,"type":"image"}},{"type":"shape","id":"b7aefb93-bea1-4edf-a0cd-1791b800941e","elementConfiguration":{"inheritDimensions":"inheritNone","width":"2.42 cm","height":"2.5 cm","binding":"UserProfile.EkstraLogo.ExtraLogoTwo_PP_DCU_{{DocumentLanguage}}","disableUpdates":false,"type":"image"}},{"type":"shape","id":"ccf7cc5f-d385-4a09-9b83-848a818f5b84","elementConfiguration":{"binding":"UserProfile.Name","visibility":{"action":"hide","binding":"Form.Manuel_dato","operator":"notEquals","compareValue":""},"disableUpdates":false,"type":"text"}},{"type":"shape","id":"930bc0c8-c2ce-4868-958f-275b6c960e0e","elementConfiguration":{"binding":"Form.Manuel_dato","visibility":{"action":"hide","operator":"equals","compareValue":""},"disableUpdates":false,"type":"text"}},{"type":"shape","id":"723d41ae-b566-4b60-870e-956ec217143b","elementConfiguration":{"inheritDimensions":"inheritNone","width":"1.9 cm","height":"19.05 cm","binding":"UserProfile.Office.LogoColor_DCU","disableUpdates":false,"type":"image"}},{"type":"shape","id":"8319257b-3fee-4d11-9223-31ee6d08b54a","elementConfiguration":{"inheritDimensions":"inheritNone","width":"6.05 cm","height":"1.9 cm","binding":"UserProfile.EkstraLogo.ExtraLogoSix_PP_DCU_{{DocumentLanguage}}","disableUpdates":false,"type":"image"}},{"type":"shape","id":"84a0a782-3702-4181-b329-2e3dd5b75926","elementConfiguration":{"inheritDimensions":"inheritWidth","width":"1.91 cm","binding":"UserProfile.Office.LogoH_PP_DCU","disableUpdates":false,"type":"image"}},{"type":"shape","id":"cf089265-0acb-40f7-9714-44ca46cd8bab","elementConfiguration":{"inheritDimensions":"inheritNone","width":"33.89 cm","height":"19.07 cm","binding":"UserProfile.Centers.VaelgKorrektSkabelon169DCU","disableUpdates":false,"type":"image"}},{"type":"shape","id":"819e66fe-75c0-418d-8175-33ba9a2a7e21","elementConfiguration":{"inheritDimensions":"inheritNone","width":"33.89 cm","height":"19.07 cm","binding":"UserProfile.Centers.VaelgKorrektSkabelon169DCU","disableUpdates":false,"type":"image"}},{"type":"shape","id":"be61aa5f-de19-46f8-b759-93b057c5e554","elementConfiguration":{"binding":"Form.PresentationTitle","disableUpdates":false,"type":"text"}},{"type":"shape","id":"9ea0fa92-3a06-4c13-92c3-c928094c9100","elementConfiguration":{"binding":"UserProfile.Name","visibility":{"action":"hide","binding":"Form.Manuel_dato","operator":"notEquals","compareValue":""},"disableUpdates":false,"type":"text"}},{"type":"shape","id":"045fabd4-ebc3-4da3-a20e-486075988ced","elementConfiguration":{"inheritDimensions":"inheritNone","width":"3.68 cm","height":"1.17 cm","binding":"UserProfile.EkstraLogo.ExtraLogoPPNEGDCU_{{DocumentLanguage}}","disableUpdates":false,"type":"image"}},{"type":"shape","id":"5f7e3449-08c5-4ff3-9140-78205c3b44a3","elementConfiguration":{"inheritDimensions":"inheritNone","width":"2.42 cm","height":"2.5 cm","binding":"UserProfile.EkstraLogo.ExtraLogoFive_PP_DCU_{{DocumentLanguage}}","disableUpdates":false,"type":"image"}},{"type":"shape","id":"85b9cb7c-edb5-4a46-870e-abe1712f21dc","elementConfiguration":{"inheritDimensions":"inheritNone","width":"2.42 cm","height":"2.5 cm","binding":"UserProfile.EkstraLogo.ExtraLogoTwo_PP_DCU_{{DocumentLanguage}}","disableUpdates":false,"type":"image"}},{"type":"shape","id":"a7d2acd4-7282-4171-bd53-96cbae000985","elementConfiguration":{"binding":"UserProfile.Office.Virksomhed_{{DocumentLanguage}}","disableUpdates":false,"type":"text"}},{"type":"shape","id":"a4f09c15-d726-40a5-9f79-ec9bc34a4245","elementConfiguration":{"binding":"UserProfile.CenterFreeText","visibility":{"action":"hide","binding":"UserProfile.Centers.CenterUI","operator":"notEquals","compareValue":"Intet valgt"},"disableUpdates":false,"type":"text"}},{"type":"shape","id":"a7db58fb-4b78-4913-9a88-ec85e3d4f192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3957f5e2-e2cd-4e46-a672-23de116a9790","elementConfiguration":{"binding":"Form.Manuel_dato","visibility":{"action":"hide","operator":"equals","compareValue":""},"disableUpdates":false,"type":"text"}},{"type":"shape","id":"e9e029f9-ad64-47f7-8de1-9f194bc1802d","elementConfiguration":{"inheritDimensions":"inheritNone","width":"1.9 cm","height":"19.05 cm","binding":"UserProfile.Office.LogoColor_DCU","disableUpdates":false,"type":"image"}},{"type":"shape","id":"5bc1d78f-4744-4808-b1be-7835467ee281","elementConfiguration":{"inheritDimensions":"inheritNone","width":"6.05 cm","height":"1.9 cm","binding":"UserProfile.EkstraLogo.ExtraLogoSix_PP_DCU_{{DocumentLanguage}}","disableUpdates":false,"type":"image"}},{"type":"shape","id":"61b91f97-4f20-48ad-8a6a-23daad2d68df","elementConfiguration":{"inheritDimensions":"inheritWidth","width":"1.91 cm","binding":"UserProfile.Office.LogoH_PP_DCU","disableUpdates":false,"type":"image"}},{"type":"shape","id":"3c863155-9044-42ad-99b3-9a169c498e94","elementConfiguration":{"inheritDimensions":"inheritNone","width":"33.89 cm","height":"19.07 cm","binding":"UserProfile.Centers.VaelgKorrektSkabelon169DCU","disableUpdates":false,"type":"image"}},{"type":"shape","id":"3c4a4b09-8c44-4010-8915-299448ce905f","elementConfiguration":{"inheritDimensions":"inheritNone","width":"33.89 cm","height":"19.07 cm","binding":"UserProfile.Centers.VaelgKorrektSkabelon169DCU","disableUpdates":false,"type":"image"}},{"type":"shape","id":"62ea5493-6433-4471-bbb8-2eab9ed31ad6","elementConfiguration":{"binding":"Form.PresentationTitle","disableUpdates":false,"type":"text"}},{"type":"shape","id":"4a1c8386-8cb7-454c-ab8e-83eb0feb3fa4","elementConfiguration":{"binding":"UserProfile.Name","visibility":{"action":"hide","binding":"Form.Manuel_dato","operator":"notEquals","compareValue":""},"disableUpdates":false,"type":"text"}},{"type":"shape","id":"aee47224-4ae6-4272-bc18-9591dcf7d04b","elementConfiguration":{"inheritDimensions":"inheritNone","width":"3.68 cm","height":"1.17 cm","binding":"UserProfile.EkstraLogo.ExtraLogoPPNEGDCU_{{DocumentLanguage}}","disableUpdates":false,"type":"image"}},{"type":"shape","id":"3040615b-74ab-44e4-93ba-9b862853faf6","elementConfiguration":{"inheritDimensions":"inheritNone","width":"2.42 cm","height":"2.5 cm","binding":"UserProfile.EkstraLogo.ExtraLogoFive_PP_DCU_{{DocumentLanguage}}","disableUpdates":false,"type":"image"}},{"type":"shape","id":"7f7d76cc-e760-4555-a1ed-f77d077d663f","elementConfiguration":{"inheritDimensions":"inheritNone","width":"2.42 cm","height":"2.5 cm","binding":"UserProfile.EkstraLogo.ExtraLogoTwo_PP_DCU_{{DocumentLanguage}}","disableUpdates":false,"type":"image"}},{"type":"shape","id":"6382a427-fcc6-48c1-952d-4db56bee8a66","elementConfiguration":{"binding":"UserProfile.Office.Virksomhed_{{DocumentLanguage}}","disableUpdates":false,"type":"text"}},{"type":"shape","id":"16e45e38-4835-4ac6-82bb-040a4bc36e04","elementConfiguration":{"binding":"UserProfile.CenterFreeText","visibility":{"action":"hide","binding":"UserProfile.Centers.CenterUI","operator":"notEquals","compareValue":"Intet valgt"},"disableUpdates":false,"type":"text"}},{"type":"shape","id":"de368be9-c26f-4399-ad7a-1ef30295df2e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14776f2b-97d1-4d45-ba9d-2cfc88ca565c","elementConfiguration":{"binding":"Form.Manuel_dato","visibility":{"action":"hide","operator":"equals","compareValue":""},"disableUpdates":false,"type":"text"}},{"type":"shape","id":"0b3cb158-652e-4e4c-ad6c-7cb43956f37b","elementConfiguration":{"inheritDimensions":"inheritNone","width":"1.9 cm","height":"19.05 cm","binding":"UserProfile.Office.LogoColor_DCU","disableUpdates":false,"type":"image"}},{"type":"shape","id":"df5efe32-3986-4c3c-815a-d6c4af9ddee9","elementConfiguration":{"inheritDimensions":"inheritNone","width":"6.05 cm","height":"1.9 cm","binding":"UserProfile.EkstraLogo.ExtraLogoSix_PP_DCU_{{DocumentLanguage}}","disableUpdates":false,"type":"image"}},{"type":"shape","id":"b5b2478b-cf4f-4b1a-991c-0996755f502b","elementConfiguration":{"inheritDimensions":"inheritWidth","width":"1.91 cm","binding":"UserProfile.Office.LogoH_PP_DCU","disableUpdates":false,"type":"image"}},{"type":"shape","id":"c4c1284f-0f5f-4301-a33d-f7c86d1a74e1","elementConfiguration":{"binding":"UserProfile.Office.Virksomhed_{{DocumentLanguage}}","disableUpdates":false,"type":"text"}},{"type":"shape","id":"fea881d4-96c1-4030-bf86-ebcceebdc331","elementConfiguration":{"binding":"UserProfile.CenterFreeText","visibility":{"action":"hide","binding":"UserProfile.Centers.CenterUI","operator":"notEquals","compareValue":"Intet valgt","compareValues":[""]},"disableUpdates":false,"type":"text"}},{"type":"shape","id":"93170c33-53fe-4bae-bb39-0300657641e5","elementConfiguration":{"binding":"UserProfile.Centers.Center_{{DocumentLanguage}}","visibility":{"action":"hide","binding":"UserProfile.Centers.CenterUI","operator":"equals","compareValue":"Intet valgt"},"disableUpdates":false,"type":"text"}},{"type":"shape","id":"8b0a3c35-ad89-456a-b5cb-9c2c8ef082c4","elementConfiguration":{"binding":"Form.PresentationTitle","disableUpdates":false,"type":"text"}},{"type":"shape","id":"27567626-724c-4c2e-aec1-bf037ced5dca","elementConfiguration":{"inheritDimensions":"inheritNone","width":"1.9 cm","height":"1.9 cm","binding":"UserProfile.Office.LogoColor_DCU","disableUpdates":false,"type":"image"}},{"type":"shape","id":"a82dff4e-8de5-43fd-9a86-bad390f3ffac","elementConfiguration":{"inheritDimensions":"inheritNone","width":"3.68 cm","height":"1.17 cm","binding":"UserProfile.EkstraLogo.ExtraLogoPPNEGDCU_{{DocumentLanguage}}","disableUpdates":false,"type":"image"}},{"type":"shape","id":"43279dcd-12f2-40f7-b0e2-4d11269a4f06","elementConfiguration":{"inheritDimensions":"inheritNone","width":"2.42 cm","height":"2.5 cm","binding":"UserProfile.EkstraLogo.ExtraLogoFive_PP_DCU_{{DocumentLanguage}}","disableUpdates":false,"type":"image"}},{"type":"shape","id":"76c86db6-49d1-498b-b425-adb6f7a5d82c","elementConfiguration":{"inheritDimensions":"inheritNone","width":"2.42 cm","height":"2.5 cm","binding":"UserProfile.EkstraLogo.ExtraLogoTwo_PP_DCU_{{DocumentLanguage}}","disableUpdates":false,"type":"image"}},{"type":"shape","id":"2fb45ab8-2d4c-4041-b064-01d4416636a9","elementConfiguration":{"binding":"UserProfile.Name","visibility":{"action":"hide","binding":"Form.Manuel_dato","operator":"notEquals","compareValue":""},"disableUpdates":false,"type":"text"}},{"type":"shape","id":"4a2596fe-a518-4960-8550-bc8ae23a79d6","elementConfiguration":{"binding":"Form.Manuel_dato","visibility":{"action":"hide","operator":"equals","compareValue":""},"disableUpdates":false,"type":"text"}},{"type":"shape","id":"ebcac1e6-f859-4567-ba50-47ddbbcf5258","elementConfiguration":{"inheritDimensions":"inheritNone","width":"6.05 cm","height":"1.9 cm","binding":"UserProfile.EkstraLogo.ExtraLogoSix_PP_DCU_{{DocumentLanguage}}","disableUpdates":false,"type":"image"}},{"type":"shape","id":"3115dfa5-43d1-450b-901f-ac3eb547efa9","elementConfiguration":{"inheritDimensions":"inheritWidth","width":"1.91 cm","binding":"UserProfile.Office.LogoH_PP_DCU","disableUpdates":false,"type":"image"}},{"type":"shape","id":"6e073914-28f8-43a7-853d-91af803b4577","elementConfiguration":{"binding":"UserProfile.Office.Virksomhed_{{DocumentLanguage}}","disableUpdates":false,"type":"text"}},{"type":"shape","id":"b81f9601-539f-4b6d-a3ef-889f9e30f04e","elementConfiguration":{"binding":"UserProfile.CenterFreeText","visibility":{"action":"hide","binding":"UserProfile.Centers.CenterUI","operator":"notEquals","compareValue":"Intet valgt"},"disableUpdates":false,"type":"text"}},{"type":"shape","id":"a1b6815c-d0f4-4cdb-a22b-9405b0abdca6","elementConfiguration":{"binding":"UserProfile.Centers.Center_{{DocumentLanguage}}","visibility":{"action":"hide","binding":"UserProfile.Centers.CenterUI","operator":"equals","compareValue":"Intet valgt"},"disableUpdates":false,"type":"text"}},{"type":"shape","id":"d69a6751-9db1-4618-91a7-af000f09ebed","elementConfiguration":{"binding":"Form.PresentationTitle","disableUpdates":false,"type":"text"}},{"type":"shape","id":"578f43ce-c820-4f54-9011-7a44dfbde61f","elementConfiguration":{"inheritDimensions":"inheritNone","width":"1.9 cm","height":"1.9 cm","binding":"UserProfile.Office.LogoColor_DCU","disableUpdates":false,"type":"image"}},{"type":"shape","id":"460d8b13-50cd-4c8d-82f1-a236c4a9ddcb","elementConfiguration":{"inheritDimensions":"inheritNone","width":"3.68 cm","height":"1.17 cm","binding":"UserProfile.EkstraLogo.ExtraLogoPPNEGDCU_{{DocumentLanguage}}","disableUpdates":false,"type":"image"}},{"type":"shape","id":"650877b2-16b4-45b9-93af-2bd0485f5e5e","elementConfiguration":{"inheritDimensions":"inheritNone","width":"2.42 cm","height":"2.5 cm","binding":"UserProfile.EkstraLogo.ExtraLogoFive_PP_DCU_{{DocumentLanguage}}","disableUpdates":false,"type":"image"}},{"type":"shape","id":"7b77ca04-e4c3-4b36-9397-c1ab15b6023a","elementConfiguration":{"inheritDimensions":"inheritNone","width":"2.42 cm","height":"2.5 cm","binding":"UserProfile.EkstraLogo.ExtraLogoTwo_PP_DCU_{{DocumentLanguage}}","disableUpdates":false,"type":"image"}},{"type":"shape","id":"42717c21-a112-4fac-863c-21001996776c","elementConfiguration":{"binding":"UserProfile.Name","visibility":{"action":"hide","binding":"Form.Manuel_dato","operator":"notEquals","compareValue":""},"disableUpdates":false,"type":"text"}},{"type":"shape","id":"7d290efb-842c-4471-8294-40174e752edc","elementConfiguration":{"binding":"Form.Manuel_dato","visibility":{"action":"hide","operator":"equals","compareValue":""},"disableUpdates":false,"type":"text"}},{"type":"shape","id":"4d118657-d3fd-4207-8cc1-8e6a6626fd93","elementConfiguration":{"inheritDimensions":"inheritNone","width":"6.05 cm","height":"1.9 cm","binding":"UserProfile.EkstraLogo.ExtraLogoSix_PP_DCU_{{DocumentLanguage}}","disableUpdates":false,"type":"image"}},{"type":"shape","id":"ecf0700d-9f20-4556-ad0d-42e1f27ee343","elementConfiguration":{"inheritDimensions":"inheritWidth","width":"1.91 cm","binding":"UserProfile.Office.LogoH_PP_DCU","disableUpdates":false,"type":"image"}},{"type":"shape","id":"513b1beb-d9a7-4f05-890b-8216e818be99","elementConfiguration":{"binding":"UserProfile.Office.Virksomhed_{{DocumentLanguage}}","disableUpdates":false,"type":"text"}},{"type":"shape","id":"f55dd6b7-c031-4dee-a065-a981c4606956","elementConfiguration":{"binding":"UserProfile.CenterFreeText","visibility":{"action":"hide","binding":"UserProfile.Centers.CenterUI","operator":"notEquals","compareValue":"Intet valgt"},"disableUpdates":false,"type":"text"}},{"type":"shape","id":"b7075c75-8651-4f43-bb8c-aa3d5de88729","elementConfiguration":{"binding":"UserProfile.Centers.Center_{{DocumentLanguage}}","visibility":{"action":"hide","binding":"UserProfile.Centers.CenterUI","operator":"equals","compareValue":"Intet valgt"},"disableUpdates":false,"type":"text"}},{"type":"shape","id":"29799855-6ba1-4525-b9c0-db9809de3db0","elementConfiguration":{"binding":"Form.PresentationTitle","disableUpdates":false,"type":"text"}},{"type":"shape","id":"27241e43-671a-4ae5-9c99-a79a0875c8bc","elementConfiguration":{"inheritDimensions":"inheritNone","width":"1.9 cm","height":"1.9 cm","binding":"UserProfile.Office.LogoColor_DCU","disableUpdates":false,"type":"image"}},{"type":"shape","id":"6afac010-0a74-4d04-84d6-351de0e8a004","elementConfiguration":{"inheritDimensions":"inheritNone","width":"3.68 cm","height":"1.17 cm","binding":"UserProfile.EkstraLogo.ExtraLogoPPNEGDCU_{{DocumentLanguage}}","disableUpdates":false,"type":"image"}},{"type":"shape","id":"a91d289e-cc40-4639-b291-c9fe782f7f38","elementConfiguration":{"inheritDimensions":"inheritNone","width":"2.42 cm","height":"2.5 cm","binding":"UserProfile.EkstraLogo.ExtraLogoFive_PP_DCU_{{DocumentLanguage}}","disableUpdates":false,"type":"image"}},{"type":"shape","id":"b08c95ea-970d-44bd-b924-9985a7ec60fc","elementConfiguration":{"inheritDimensions":"inheritNone","width":"2.42 cm","height":"2.5 cm","binding":"UserProfile.EkstraLogo.ExtraLogoTwo_PP_DCU_{{DocumentLanguage}}","disableUpdates":false,"type":"image"}},{"type":"shape","id":"e29a0ef1-3954-4dd4-8eeb-bd03ba99807e","elementConfiguration":{"binding":"UserProfile.Name","visibility":{"action":"hide","binding":"Form.Manuel_dato","operator":"notEquals","compareValue":""},"disableUpdates":false,"type":"text"}},{"type":"shape","id":"dc08d707-f220-4aa8-a66d-07739dd92bd1","elementConfiguration":{"binding":"Form.Manuel_dato","visibility":{"action":"hide","operator":"equals","compareValue":""},"disableUpdates":false,"type":"text"}},{"type":"shape","id":"8c1cab8d-7eb2-4c2f-a405-261a582d3a31","elementConfiguration":{"inheritDimensions":"inheritNone","width":"6.05 cm","height":"1.9 cm","binding":"UserProfile.EkstraLogo.ExtraLogoSix_PP_DCU_{{DocumentLanguage}}","disableUpdates":false,"type":"image"}},{"type":"shape","id":"6a4fad80-9a90-4a92-b226-f080f968fa7c","elementConfiguration":{"inheritDimensions":"inheritWidth","width":"1.91 cm","binding":"UserProfile.Office.LogoH_PP_DCU","disableUpdates":false,"type":"image"}},{"type":"shape","id":"a04689b6-ec6c-4b16-b803-5fe37c9574a8","elementConfiguration":{"inheritDimensions":"inheritNone","width":"1.9 cm","height":"19.05 cm","binding":"UserProfile.Office.LogoColor_DCU","disableUpdates":false,"type":"image"}},{"type":"shape","id":"70c59d6d-ad95-43ee-9928-9f6c490948f2","elementConfiguration":{"inheritDimensions":"inheritNone","width":"3.68 cm","height":"1.17 cm","binding":"UserProfile.EkstraLogo.ExtraLogoPPNEGDCU_{{DocumentLanguage}}","disableUpdates":false,"type":"image"}},{"type":"shape","id":"02884c2d-0974-49a7-a90e-42f47eb772f0","elementConfiguration":{"binding":"UserProfile.Office.Virksomhed_{{DocumentLanguage}}","disableUpdates":false,"type":"text"}},{"type":"shape","id":"b734f0dc-f33e-4c51-86c9-d36fc19c80c8","elementConfiguration":{"binding":"UserProfile.CenterFreeText","visibility":{"action":"hide","binding":"UserProfile.Centers.CenterUI","operator":"notEquals","compareValue":"Intet valgt","compareValues":[""]},"disableUpdates":false,"type":"text"}},{"type":"shape","id":"7c6272dd-4abf-4f44-bb46-14369c8804cf","elementConfiguration":{"binding":"UserProfile.Centers.Center_{{DocumentLanguage}}","visibility":{"action":"hide","binding":"UserProfile.Centers.CenterUI","operator":"equals","compareValue":"Intet valgt"},"disableUpdates":false,"type":"text"}},{"type":"shape","id":"3a29f782-b6ff-42d0-9e07-1f01aaad0d95","elementConfiguration":{"binding":"Form.PresentationTitle","disableUpdates":false,"type":"text"}},{"type":"shape","id":"ee11dcd9-d833-4d48-bb4d-aa0a88621039","elementConfiguration":{"inheritDimensions":"inheritNone","width":"2.42 cm","height":"2.5 cm","binding":"UserProfile.EkstraLogo.ExtraLogoFive_PP_DCU_{{DocumentLanguage}}","disableUpdates":false,"type":"image"}},{"type":"shape","id":"975b5f5f-dd3a-4702-9478-13bcc87c3c24","elementConfiguration":{"inheritDimensions":"inheritNone","width":"2.42 cm","height":"2.5 cm","binding":"UserProfile.EkstraLogo.ExtraLogoTwo_PP_DCU_{{DocumentLanguage}}","disableUpdates":false,"type":"image"}},{"type":"shape","id":"7f000b03-3923-4cfb-9941-85efc98c760c","elementConfiguration":{"binding":"UserProfile.Name","visibility":{"action":"hide","binding":"Form.Manuel_dato","operator":"notEquals","compareValue":""},"disableUpdates":false,"type":"text"}},{"type":"shape","id":"81758c90-f209-4164-a10c-56b0b738fea9","elementConfiguration":{"binding":"Form.Manuel_dato","visibility":{"action":"hide","operator":"equals","compareValue":""},"disableUpdates":false,"type":"text"}},{"type":"shape","id":"d93ff0a9-073f-46ff-8312-3abfbd928bcc","elementConfiguration":{"inheritDimensions":"inheritNone","width":"6.05 cm","height":"1.9 cm","binding":"UserProfile.EkstraLogo.ExtraLogoSixNEG_PP_DCU_{{DocumentLanguage}}","disableUpdates":false,"type":"image"}},{"type":"shape","id":"7908770a-318b-42d1-bbed-81f7ade8f85c","elementConfiguration":{"inheritDimensions":"inheritWidth","width":"1.91 cm","binding":"UserProfile.Office.LogoH_PP_DCU","disableUpdates":false,"type":"image"}},{"type":"shape","id":"5ab7b2c9-6e3d-429e-b18c-3bad8e497307","elementConfiguration":{"binding":"UserProfile.Office.Virksomhed_{{DocumentLanguage}}","disableUpdates":false,"type":"text"}},{"type":"shape","id":"c3038899-db0b-48c1-bac2-1a472c34d503","elementConfiguration":{"binding":"UserProfile.CenterFreeText","visibility":{"action":"hide","binding":"UserProfile.Centers.CenterUI","operator":"notEquals","compareValue":"Intet valgt"},"disableUpdates":false,"type":"text"}},{"type":"shape","id":"b13466aa-9fec-459f-843e-cb777633171e","elementConfiguration":{"binding":"UserProfile.Centers.Center_{{DocumentLanguage}}","visibility":{"action":"hide","binding":"UserProfile.Centers.CenterUI","operator":"equals","compareValue":"Intet valgt"},"disableUpdates":false,"type":"text"}},{"type":"shape","id":"68cacbc2-8c0c-4783-8455-9898b2c14cc0","elementConfiguration":{"binding":"Form.PresentationTitle","disableUpdates":false,"type":"text"}},{"type":"shape","id":"06afc244-dac1-447c-a4a9-43cc132033e8","elementConfiguration":{"inheritDimensions":"inheritNone","width":"1.9 cm","height":"1.9 cm","binding":"UserProfile.Office.LogoColor_DCU","disableUpdates":false,"type":"image"}},{"type":"shape","id":"1ca82c19-5ff8-4405-8d75-ec3cdd53dc01","elementConfiguration":{"inheritDimensions":"inheritNone","width":"3.68 cm","height":"1.17 cm","binding":"UserProfile.EkstraLogo.ExtraLogoPPNEGDCU_{{DocumentLanguage}}","disableUpdates":false,"type":"image"}},{"type":"shape","id":"0727dbe0-f1f0-4fdf-837c-f94c8fc833cb","elementConfiguration":{"inheritDimensions":"inheritNone","width":"2.42 cm","height":"2.5 cm","binding":"UserProfile.EkstraLogo.ExtraLogoFive_PP_DCU_{{DocumentLanguage}}","disableUpdates":false,"type":"image"}},{"type":"shape","id":"cb21eeb7-766e-4571-82c7-1c5469edfedf","elementConfiguration":{"inheritDimensions":"inheritNone","width":"2.42 cm","height":"2.5 cm","binding":"UserProfile.EkstraLogo.ExtraLogoTwo_PP_DCU_{{DocumentLanguage}}","disableUpdates":false,"type":"image"}},{"type":"shape","id":"4e5f5c7e-afe7-4465-9b6c-56cda6b9a9c7","elementConfiguration":{"binding":"UserProfile.Name","visibility":{"action":"hide","binding":"Form.Manuel_dato","operator":"notEquals","compareValue":""},"disableUpdates":false,"type":"text"}},{"type":"shape","id":"c5709bcb-2425-4019-bd28-22e16604cb2c","elementConfiguration":{"binding":"Form.Manuel_dato","visibility":{"action":"hide","operator":"equals","compareValue":""},"disableUpdates":false,"type":"text"}},{"type":"shape","id":"786f2316-7fea-48ce-8266-b9b137994520","elementConfiguration":{"inheritDimensions":"inheritNone","width":"6.05 cm","height":"1.9 cm","binding":"UserProfile.EkstraLogo.ExtraLogoSix_PP_DCU_{{DocumentLanguage}}","disableUpdates":false,"type":"image"}},{"type":"shape","id":"1f99cd2b-89db-481b-b7e2-0797fdd1d658","elementConfiguration":{"inheritDimensions":"inheritWidth","width":"1.91 cm","binding":"UserProfile.Office.LogoH_PP_DCU","disableUpdates":false,"type":"image"}},{"type":"shape","id":"e5a38afd-2e4b-4684-808e-b6fbf137948d","elementConfiguration":{"inheritDimensions":"inheritNone","width":"3.68 cm","height":"1.17 cm","binding":"UserProfile.EkstraLogo.ExtraLogoPPDCU_{{DocumentLanguage}}","disableUpdates":false,"type":"image"}},{"type":"shape","id":"c6caef57-4dfa-42a7-98f2-dbc4751f1bc5","elementConfiguration":{"binding":"UserProfile.Office.Virksomhed_{{DocumentLanguage}}","disableUpdates":false,"type":"text"}},{"type":"shape","id":"076a999b-dcda-4c13-a973-492215ab8df3","elementConfiguration":{"binding":"UserProfile.CenterFreeText","visibility":{"action":"hide","binding":"UserProfile.Centers.CenterUI","operator":"notEquals","compareValue":"Intet valgt"},"disableUpdates":false,"type":"text"}},{"type":"shape","id":"218a1426-8c78-4482-94d6-f0f890254374","elementConfiguration":{"binding":"UserProfile.Centers.Center_{{DocumentLanguage}}","visibility":{"action":"hide","binding":"UserProfile.Centers.CenterUI","operator":"equals","compareValue":"Intet valgt"},"disableUpdates":false,"type":"text"}},{"type":"shape","id":"5dec9b5c-46b4-4a3f-9d03-9bd497272c82","elementConfiguration":{"binding":"Form.PresentationTitle","disableUpdates":false,"type":"text"}},{"type":"shape","id":"05e2d58d-e37b-4503-9abc-797196acf011","elementConfiguration":{"inheritDimensions":"inheritNone","width":"2.42 cm","height":"2.5 cm","binding":"UserProfile.EkstraLogo.ExtraLogoFive_PP_DCU_{{DocumentLanguage}}","disableUpdates":false,"type":"image"}},{"type":"shape","id":"8a1a57d4-566c-4e22-9e5b-fea7e315d2ab","elementConfiguration":{"inheritDimensions":"inheritNone","width":"2.42 cm","height":"2.5 cm","binding":"UserProfile.EkstraLogo.ExtraLogoTwo_PP_DCU_{{DocumentLanguage}}","disableUpdates":false,"type":"image"}},{"type":"shape","id":"1f88a2ef-f431-4e1d-9a60-207b3308146c","elementConfiguration":{"binding":"UserProfile.Name","visibility":{"action":"hide","binding":"Form.Manuel_dato","operator":"notEquals","compareValue":""},"disableUpdates":false,"type":"text"}},{"type":"shape","id":"5fc71848-50f6-438e-8fcf-f64c932b5d64","elementConfiguration":{"binding":"Form.Manuel_dato","visibility":{"action":"hide","operator":"equals","compareValue":""},"disableUpdates":false,"type":"text"}},{"type":"shape","id":"316c0c32-85d0-4fd4-822f-2108fce18047","elementConfiguration":{"inheritDimensions":"inheritNone","width":"1.9 cm","height":"19.05 cm","binding":"UserProfile.Office.LogoColor_DCU","disableUpdates":false,"type":"image"}},{"type":"shape","id":"942b9749-a0f8-40fc-b0fc-8bf7d019d78a","elementConfiguration":{"inheritDimensions":"inheritNone","width":"6.05 cm","height":"1.9 cm","binding":"UserProfile.EkstraLogo.ExtraLogoSix_PP_DCU_{{DocumentLanguage}}","disableUpdates":false,"type":"image"}},{"type":"shape","id":"652267a1-e05c-44a6-86ff-58eb3a0177e6","elementConfiguration":{"inheritDimensions":"inheritWidth","width":"1.91 cm","binding":"UserProfile.Office.LogoH_PP_DCU","disableUpdates":false,"type":"image"}},{"type":"shape","id":"00ccc1de-bcdc-427d-a4d7-0a3b27b78491","elementConfiguration":{"binding":"UserProfile.Office.Virksomhed_{{DocumentLanguage}}","disableUpdates":false,"type":"text"}},{"type":"shape","id":"60b461e2-6fc8-4858-8b1f-91d516df3b56","elementConfiguration":{"binding":"UserProfile.CenterFreeText","visibility":{"action":"hide","binding":"UserProfile.Centers.CenterUI","operator":"notEquals","compareValue":"Intet valgt"},"disableUpdates":false,"type":"text"}},{"type":"shape","id":"8f481e67-3d56-4d80-9100-3b77620d44d2","elementConfiguration":{"binding":"UserProfile.Centers.Center_{{DocumentLanguage}}","visibility":{"action":"hide","binding":"UserProfile.Centers.CenterUI","operator":"equals","compareValue":"Intet valgt"},"disableUpdates":false,"type":"text"}},{"type":"shape","id":"985d1549-cbdf-4098-b1e9-5dbb473077d2","elementConfiguration":{"binding":"Form.PresentationTitle","disableUpdates":false,"type":"text"}},{"type":"shape","id":"010109d4-6f76-45e0-a1fa-082e8b79299c","elementConfiguration":{"inheritDimensions":"inheritNone","width":"1.9 cm","height":"1.9 cm","binding":"UserProfile.Office.LogoColor_DCU","disableUpdates":false,"type":"image"}},{"type":"shape","id":"95f37c47-2bf9-432b-a1bb-09c8826c5052","elementConfiguration":{"inheritDimensions":"inheritNone","width":"3.68 cm","height":"1.17 cm","binding":"UserProfile.EkstraLogo.ExtraLogoPPNEGDCU_{{DocumentLanguage}}","disableUpdates":false,"type":"image"}},{"type":"shape","id":"9f9a53e9-a1df-4175-893c-9c62b1809e1a","elementConfiguration":{"inheritDimensions":"inheritNone","width":"2.42 cm","height":"2.5 cm","binding":"UserProfile.EkstraLogo.ExtraLogoFive_PP_DCU_{{DocumentLanguage}}","disableUpdates":false,"type":"image"}},{"type":"shape","id":"ec60bf40-0d51-4144-835b-61f756152ba7","elementConfiguration":{"inheritDimensions":"inheritNone","width":"2.42 cm","height":"2.5 cm","binding":"UserProfile.EkstraLogo.ExtraLogoTwo_PP_DCU_{{DocumentLanguage}}","disableUpdates":false,"type":"image"}},{"type":"shape","id":"7db961a3-8fa0-495e-ae78-32cb66b91d65","elementConfiguration":{"binding":"UserProfile.Name","visibility":{"action":"hide","binding":"Form.Manuel_dato","operator":"notEquals","compareValue":""},"disableUpdates":false,"type":"text"}},{"type":"shape","id":"cf13c043-43bb-472e-904f-c25a449c2815","elementConfiguration":{"binding":"Form.Manuel_dato","visibility":{"action":"hide","operator":"equals","compareValue":""},"disableUpdates":false,"type":"text"}},{"type":"shape","id":"fc9576dc-4b42-4983-891a-1ab5e09038bd","elementConfiguration":{"inheritDimensions":"inheritNone","width":"6.05 cm","height":"1.9 cm","binding":"UserProfile.EkstraLogo.ExtraLogoSix_PP_DCU_{{DocumentLanguage}}","disableUpdates":false,"type":"image"}},{"type":"shape","id":"53070f84-426a-4c7d-beb5-b3b077cbedad","elementConfiguration":{"inheritDimensions":"inheritWidth","width":"1.91 cm","binding":"UserProfile.Office.LogoH_PP_DCU","disableUpdates":false,"type":"image"}},{"type":"shape","id":"d940bb29-f6df-4c6d-86f5-062977e42140","elementConfiguration":{"inheritDimensions":"inheritNone","width":"1.9 cm","height":"1.9 cm","binding":"UserProfile.Office.LogoColor_DCU","disableUpdates":false,"type":"image"}},{"type":"shape","id":"1273bac6-561e-4d9c-8b53-79d5fe2fd9ce","elementConfiguration":{"binding":"UserProfile.Office.Virksomhed_{{DocumentLanguage}}","disableUpdates":false,"type":"text"}},{"type":"shape","id":"b9fae680-16a3-4c01-a406-76016d4b20d1","elementConfiguration":{"binding":"UserProfile.CenterFreeText","visibility":{"action":"hide","binding":"UserProfile.Centers.CenterUI","operator":"notEquals","compareValue":"Intet valgt"},"disableUpdates":false,"type":"text"}},{"type":"shape","id":"fb8fb32d-318f-425d-96d1-b83f9ba706ca","elementConfiguration":{"binding":"UserProfile.Centers.Center_{{DocumentLanguage}}","visibility":{"action":"hide","binding":"UserProfile.Centers.CenterUI","operator":"equals","compareValue":"Intet valgt"},"disableUpdates":false,"type":"text"}},{"type":"shape","id":"6309f349-40da-4d3b-8631-5a8a23075cc8","elementConfiguration":{"binding":"Form.PresentationTitle","disableUpdates":false,"type":"text"}},{"type":"shape","id":"d8a27e3f-6fa7-4bd3-866f-6bd9468f6d1c","elementConfiguration":{"inheritDimensions":"inheritNone","width":"3.68 cm","height":"1.17 cm","binding":"UserProfile.EkstraLogo.ExtraLogoPPNEGDCU_{{DocumentLanguage}}","disableUpdates":false,"type":"image"}},{"type":"shape","id":"25daf98f-74d0-4791-9521-7175bc1e346e","elementConfiguration":{"inheritDimensions":"inheritNone","width":"2.42 cm","height":"2.5 cm","binding":"UserProfile.EkstraLogo.ExtraLogoFive_PP_DCU_{{DocumentLanguage}}","disableUpdates":false,"type":"image"}},{"type":"shape","id":"fc6ee869-94cb-43e5-beb7-50806c67379d","elementConfiguration":{"inheritDimensions":"inheritNone","width":"2.42 cm","height":"2.5 cm","binding":"UserProfile.EkstraLogo.ExtraLogoTwo_PP_DCU_{{DocumentLanguage}}","disableUpdates":false,"type":"image"}},{"type":"shape","id":"19b835f6-6fba-48e3-8c2f-4009e0a511fb","elementConfiguration":{"binding":"UserProfile.Name","visibility":{"action":"hide","binding":"Form.Manuel_dato","operator":"notEquals","compareValue":""},"disableUpdates":false,"type":"text"}},{"type":"shape","id":"595f8e85-b482-4de0-aa21-82a0c5dd8706","elementConfiguration":{"binding":"Form.Manuel_dato","visibility":{"action":"hide","operator":"equals","compareValue":""},"disableUpdates":false,"type":"text"}},{"type":"shape","id":"0691f2bb-8f86-473f-bcc5-184c1dc81451","elementConfiguration":{"inheritDimensions":"inheritNone","width":"6.05 cm","height":"1.9 cm","binding":"UserProfile.EkstraLogo.ExtraLogoSix_PP_DCU_{{DocumentLanguage}}","disableUpdates":false,"type":"image"}},{"type":"shape","id":"b04051be-7d9d-4d5f-a5e5-f64fc44f9168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FÆLLES standard PowerPoint-præsentation 16:9","templateDescription":"Logo, enhedsnavn og farver følger dine valg i din brugerprofil","enableDocumentContentUpdater":true,"version":"1.3"}]]></Templafy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FormConfiguration><![CDATA[{"formFields":[{"required":false,"placeholder":"Præsentationens titel/beskrivelse (venstre sidefod)","lines":0,"type":"textBox","name":"PresentationTitle","label":"Titel/beskrivelse","helpTexts":{"prefix":"","postfix":""},"spacing":{},"fullyQualifiedName":"PresentationTitle"},{"required":false,"placeholder":"","lines":0,"type":"textBox","name":"Manuel_dato","label":"Dato","helpTexts":{"prefix":"Indsæt ønsket dato (fjerner brugernavnet)","postfix":""},"spacing":{},"fullyQualifiedName":"Manuel_dato"}],"formDataEntries":[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73038323624315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978984FF-6C25-4FD4-85EA-2F9586C8CA61}">
  <ds:schemaRefs/>
</ds:datastoreItem>
</file>

<file path=customXml/itemProps2.xml><?xml version="1.0" encoding="utf-8"?>
<ds:datastoreItem xmlns:ds="http://schemas.openxmlformats.org/officeDocument/2006/customXml" ds:itemID="{026957DE-A263-4C3E-96D4-107DEBA1D471}">
  <ds:schemaRefs/>
</ds:datastoreItem>
</file>

<file path=customXml/itemProps3.xml><?xml version="1.0" encoding="utf-8"?>
<ds:datastoreItem xmlns:ds="http://schemas.openxmlformats.org/officeDocument/2006/customXml" ds:itemID="{BE8F26EB-1153-4B98-AAC3-D117DA0F337D}">
  <ds:schemaRefs/>
</ds:datastoreItem>
</file>

<file path=customXml/itemProps4.xml><?xml version="1.0" encoding="utf-8"?>
<ds:datastoreItem xmlns:ds="http://schemas.openxmlformats.org/officeDocument/2006/customXml" ds:itemID="{B0D2E709-FA3C-4E2D-A1F5-DD257C406372}">
  <ds:schemaRefs/>
</ds:datastoreItem>
</file>

<file path=customXml/itemProps5.xml><?xml version="1.0" encoding="utf-8"?>
<ds:datastoreItem xmlns:ds="http://schemas.openxmlformats.org/officeDocument/2006/customXml" ds:itemID="{B518EF32-D7ED-4D8E-80D0-C33C01DB34BB}">
  <ds:schemaRefs/>
</ds:datastoreItem>
</file>

<file path=customXml/itemProps6.xml><?xml version="1.0" encoding="utf-8"?>
<ds:datastoreItem xmlns:ds="http://schemas.openxmlformats.org/officeDocument/2006/customXml" ds:itemID="{7FA764BE-93AE-4A1F-94F8-EB73EE3F6FA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799</Words>
  <Application>Microsoft Office PowerPoint</Application>
  <PresentationFormat>Widescreen</PresentationFormat>
  <Paragraphs>111</Paragraphs>
  <Slides>9</Slides>
  <Notes>3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9</vt:i4>
      </vt:variant>
    </vt:vector>
  </HeadingPairs>
  <TitlesOfParts>
    <vt:vector size="12" baseType="lpstr">
      <vt:lpstr>Arial</vt:lpstr>
      <vt:lpstr>KBH Tekst</vt:lpstr>
      <vt:lpstr>REGION H Hospital PowerPoint Skabelon_DKfinal</vt:lpstr>
      <vt:lpstr>Tydelig ansvarsfordeling og forpligtende samarbejde på tværs af sektorer</vt:lpstr>
      <vt:lpstr>PowerPoint-præsentation</vt:lpstr>
      <vt:lpstr>PowerPoint-præsentation</vt:lpstr>
      <vt:lpstr>PowerPoint-præsentation</vt:lpstr>
      <vt:lpstr>    Netværksmøder i Huset for Psykisk Sundhed   </vt:lpstr>
      <vt:lpstr>Åben Dialog projekt mellem Psykiatrienheden og PCK  </vt:lpstr>
      <vt:lpstr>Getting Back – nye skridt i hverdagslivet Partnerskabsprojekt mellem Foreningen Outsideren og HPS </vt:lpstr>
      <vt:lpstr>PowerPoint-præsentation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0-08-26T13:50:1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1-27T10:12:23.3855032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6446157028921423</vt:lpwstr>
  </property>
  <property fmtid="{D5CDD505-2E9C-101B-9397-08002B2CF9AE}" pid="7" name="TemplafyLanguageCode">
    <vt:lpwstr>da-DK</vt:lpwstr>
  </property>
</Properties>
</file>